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comments/modernComment_134_A5871E0F.xml" ContentType="application/vnd.ms-powerpoint.comment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22"/>
  </p:notesMasterIdLst>
  <p:handoutMasterIdLst>
    <p:handoutMasterId r:id="rId23"/>
  </p:handoutMasterIdLst>
  <p:sldIdLst>
    <p:sldId id="256" r:id="rId10"/>
    <p:sldId id="298" r:id="rId11"/>
    <p:sldId id="299" r:id="rId12"/>
    <p:sldId id="300" r:id="rId13"/>
    <p:sldId id="301" r:id="rId14"/>
    <p:sldId id="302" r:id="rId15"/>
    <p:sldId id="303" r:id="rId16"/>
    <p:sldId id="304" r:id="rId17"/>
    <p:sldId id="305" r:id="rId18"/>
    <p:sldId id="306" r:id="rId19"/>
    <p:sldId id="307" r:id="rId20"/>
    <p:sldId id="297" r:id="rId2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69012ECD-51FC-41F1-AA8D-1B2483CD663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93797" autoAdjust="0"/>
  </p:normalViewPr>
  <p:slideViewPr>
    <p:cSldViewPr snapToGrid="0" showGuides="1">
      <p:cViewPr varScale="1">
        <p:scale>
          <a:sx n="108" d="100"/>
          <a:sy n="108" d="100"/>
        </p:scale>
        <p:origin x="654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handoutMaster" Target="handoutMasters/handoutMaster1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notesMaster" Target="notesMasters/notesMaster1.xml"/><Relationship Id="rId27" Type="http://schemas.openxmlformats.org/officeDocument/2006/relationships/tableStyles" Target="tableStyles.xml"/></Relationships>
</file>

<file path=ppt/comments/modernComment_134_A5871E0F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EE8574EA-19BF-D941-8A07-B94609DB1ECB}" authorId="{00000000-0000-0000-0000-000000000000}" created="2024-03-20T09:00:50.768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766902635" sldId="307"/>
      <ac:picMk id="9" creationId="{782ED0A0-FF18-E759-4500-F3F5E9C891E9}"/>
    </ac:deMkLst>
    <p188:txBody>
      <a:bodyPr/>
      <a:lstStyle/>
      <a:p>
        <a:r>
          <a:rPr lang="da-DK"/>
          <a:t>Når vi har fået filen, indsætter vi videoen her.</a:t>
        </a:r>
      </a:p>
    </p188:txBody>
    <p188:extLst>
      <p:ext xmlns:p="http://schemas.openxmlformats.org/presentationml/2006/main" uri="{5BB2D875-25FF-4072-B9AC-8F64D62656EB}">
        <p228:taskDetails xmlns:p228="http://schemas.microsoft.com/office/powerpoint/2022/08/main">
          <p228:history/>
        </p228:taskDetails>
      </p:ext>
    </p188:extLst>
  </p188:cm>
</p188:cmLst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5/08/2024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5/08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sprogvurdering.dk/" TargetMode="External"/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Relationship Id="rId5" Type="http://schemas.openxmlformats.org/officeDocument/2006/relationships/hyperlink" Target="https://viden.stil.dk/display/STILVIDENOFFENTLIG/Unilogin" TargetMode="External"/><Relationship Id="rId4" Type="http://schemas.openxmlformats.org/officeDocument/2006/relationships/hyperlink" Target="https://emu.dk/grundskole/boernehaveklasse/sprogvurderingen-i-praksis?b=t5-t1425-t1430" TargetMode="Externa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0353313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Dagsorde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da-DK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9766733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7082607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Demoversion:</a:t>
            </a:r>
            <a:r>
              <a:rPr lang="da-DK" baseline="0" dirty="0"/>
              <a:t> </a:t>
            </a:r>
            <a:r>
              <a:rPr lang="da-DK" dirty="0">
                <a:hlinkClick r:id="rId3"/>
              </a:rPr>
              <a:t>Sprogvurdering</a:t>
            </a:r>
            <a:endParaRPr lang="da-DK" dirty="0"/>
          </a:p>
          <a:p>
            <a:r>
              <a:rPr lang="da-DK" dirty="0"/>
              <a:t>Video: </a:t>
            </a:r>
            <a:r>
              <a:rPr lang="da-DK" dirty="0">
                <a:hlinkClick r:id="rId4"/>
              </a:rPr>
              <a:t>Sprogvurderingen i praksis - Børnehaveklasse - GRUNDSKOLE | Emu.dk</a:t>
            </a:r>
            <a:endParaRPr lang="da-DK" dirty="0"/>
          </a:p>
          <a:p>
            <a:r>
              <a:rPr lang="da-DK" dirty="0"/>
              <a:t>Unilogin:</a:t>
            </a:r>
            <a:r>
              <a:rPr lang="da-DK" baseline="0" dirty="0"/>
              <a:t> </a:t>
            </a:r>
            <a:r>
              <a:rPr lang="da-DK" dirty="0">
                <a:hlinkClick r:id="rId5"/>
              </a:rPr>
              <a:t>Unilogin - Styrelsen for It og Lærings </a:t>
            </a:r>
            <a:r>
              <a:rPr lang="da-DK" dirty="0" err="1">
                <a:hlinkClick r:id="rId5"/>
              </a:rPr>
              <a:t>vidensbase</a:t>
            </a:r>
            <a:r>
              <a:rPr lang="da-DK" dirty="0">
                <a:hlinkClick r:id="rId5"/>
              </a:rPr>
              <a:t> - Global Site (stil.dk)</a:t>
            </a: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3673469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>
                <a:solidFill>
                  <a:schemeClr val="bg2">
                    <a:lumMod val="50000"/>
                  </a:schemeClr>
                </a:solidFill>
              </a:rPr>
              <a:t>[Til din orientering,</a:t>
            </a:r>
            <a:r>
              <a:rPr lang="da-DK" baseline="0" dirty="0">
                <a:solidFill>
                  <a:schemeClr val="bg2">
                    <a:lumMod val="50000"/>
                  </a:schemeClr>
                </a:solidFill>
              </a:rPr>
              <a:t> så du kan forklare det: Scoren er en percentilscore. Dvs. at en score på 1-5 betyder, at barnet ligger blandt de nederste 5 % af eleverne på landsplan. Placering i ‘Generel indsats’ betyder, at barnet ligger blandt de 85 %, der ikke umiddelbart har behov for en særlig indsats]</a:t>
            </a:r>
            <a:endParaRPr lang="da-DK" dirty="0">
              <a:solidFill>
                <a:schemeClr val="bg2">
                  <a:lumMod val="50000"/>
                </a:schemeClr>
              </a:solidFill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69087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øleskabsarket stammer fra en videns- og inspirationspakke om forældresamarbejde udgivet af emu.dk, som du kan finde her: https://emu.dk/grundskole/forskning-og-viden/sproglig-forstaaelse/samarbejde-med-foraeldre-om-sproglig-udvikling</a:t>
            </a:r>
          </a:p>
          <a:p>
            <a:endParaRPr lang="da-DK" dirty="0"/>
          </a:p>
          <a:p>
            <a:r>
              <a:rPr lang="da-DK" dirty="0"/>
              <a:t>Her er et direkte link til køleskabsarket: https://emu.dk/sites/default/files/2023-02/gsk_forskning%20og%20viden_sproglig%20forst%C3%A5else_Endelig%20onepagers_skole_0.pdf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9967579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6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12048000" y="0"/>
            <a:ext cx="151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B86CE3-1D30-8A72-D9BF-8871A55007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2231938"/>
            <a:ext cx="8335100" cy="1778909"/>
          </a:xfrm>
        </p:spPr>
        <p:txBody>
          <a:bodyPr anchor="b" anchorCtr="0"/>
          <a:lstStyle>
            <a:lvl1pPr>
              <a:lnSpc>
                <a:spcPct val="90000"/>
              </a:lnSpc>
              <a:defRPr sz="6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4316774"/>
            <a:ext cx="8335100" cy="1271824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7" name="Date" descr="{&quot;templafy&quot;:{&quot;id&quot;:&quot;f22c2b42-c308-4621-a275-ed1abf7fe66c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9982201" y="6400801"/>
            <a:ext cx="1489074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DC81486-0C06-4A53-8CD5-AA6A1048FA3A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457835678" name="logo" descr="{&quot;templafy&quot;:{&quot;id&quot;:&quot;dc1f0355-82fd-4758-9b63-12489b339f39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57213" y="720000"/>
            <a:ext cx="22035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224251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0000" y="2008800"/>
            <a:ext cx="5302800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66800" y="2008800"/>
            <a:ext cx="5302800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2012D715-8ACA-FFBE-1DE3-52B7A5C1144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0996D4F4-191F-53A9-65DB-E3760C0A775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EB5D28F2-8FE3-B5A5-56FA-2C40E8EDD0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23341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793" userDrawn="1">
          <p15:clr>
            <a:srgbClr val="A4A3A4"/>
          </p15:clr>
        </p15:guide>
        <p15:guide id="3" pos="3884" userDrawn="1">
          <p15:clr>
            <a:srgbClr val="A4A3A4"/>
          </p15:clr>
        </p15:guide>
        <p15:guide id="4" orient="horz" pos="1265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0000" y="2008800"/>
            <a:ext cx="7117488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                            Brug TAB for at gå frem i tekst-niveau.                                                                  Brug SHIFT+TAB for at gå tilbage i tekst-niveau.                         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7981950" y="2008800"/>
            <a:ext cx="3487650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Brug TAB for at gå frem i tekst-niveau. Brug SHIFT+TAB for at gå tilbage i tekst-niveau. 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F26BCE3-1C60-7E71-4A90-6A7A877554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94253736-D513-8625-2F89-E102785DA7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1A275F7D-E7C6-49B1-2644-96FB92BC647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148941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2650" userDrawn="1">
          <p15:clr>
            <a:srgbClr val="A4A3A4"/>
          </p15:clr>
        </p15:guide>
        <p15:guide id="5" pos="2740" userDrawn="1">
          <p15:clr>
            <a:srgbClr val="A4A3A4"/>
          </p15:clr>
        </p15:guide>
        <p15:guide id="6" pos="4937" userDrawn="1">
          <p15:clr>
            <a:srgbClr val="A4A3A4"/>
          </p15:clr>
        </p15:guide>
        <p15:guide id="7" pos="5028" userDrawn="1">
          <p15:clr>
            <a:srgbClr val="A4A3A4"/>
          </p15:clr>
        </p15:guide>
        <p15:guide id="8" orient="horz" pos="1265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0000" y="2008800"/>
            <a:ext cx="3486875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Brug TAB for at gå frem i tekst-niveau. Brug SHIFT+TAB for at gå tilbage i tekst-niveau. 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49750" y="2008800"/>
            <a:ext cx="3486875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Brug TAB for at gå frem i tekst-niveau. Brug SHIFT+TAB for at gå tilbage i tekst-niveau. 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9" name="Content Placeholder 4">
            <a:extLst>
              <a:ext uri="{FF2B5EF4-FFF2-40B4-BE49-F238E27FC236}">
                <a16:creationId xmlns:a16="http://schemas.microsoft.com/office/drawing/2014/main" id="{A974BE4F-F05D-F820-341F-59E80B5A55BF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7981951" y="2008188"/>
            <a:ext cx="3486875" cy="412527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                          Brug TAB for at gå frem i tekst-niveau. Brug SHIFT+TAB for at gå tilbage i tekst-niveau.       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E5E3357-21D6-9C08-E603-AA233BD29A3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C21BA71A-F069-B212-232F-4ABB6775A81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9A7F9CF9-1022-CF80-659B-1EACC5D850F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305142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2650" userDrawn="1">
          <p15:clr>
            <a:srgbClr val="A4A3A4"/>
          </p15:clr>
        </p15:guide>
        <p15:guide id="5" pos="2740" userDrawn="1">
          <p15:clr>
            <a:srgbClr val="A4A3A4"/>
          </p15:clr>
        </p15:guide>
        <p15:guide id="6" pos="4937" userDrawn="1">
          <p15:clr>
            <a:srgbClr val="A4A3A4"/>
          </p15:clr>
        </p15:guide>
        <p15:guide id="7" pos="5028" userDrawn="1">
          <p15:clr>
            <a:srgbClr val="A4A3A4"/>
          </p15:clr>
        </p15:guide>
        <p15:guide id="8" orient="horz" pos="1265" userDrawn="1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0000" y="2008800"/>
            <a:ext cx="2578825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Brug TAB for at gå frem i tekst-niveau.                   Brug SHIFT+TAB for at gå tilbage i tekst-niveau.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453625" y="2008800"/>
            <a:ext cx="2578825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Brug TAB for at gå frem i tekst-niveau.                   Brug SHIFT+TAB for at gå tilbage i tekst-niveau.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CF09AE4E-CB04-E4A2-0804-1F2EDDD7A7B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177776" y="2008188"/>
            <a:ext cx="2578824" cy="412527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        Brug TAB for at gå frem i tekst-niveau.                   Brug SHIFT+TAB for at gå tilbage i tekst-niveau.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3" name="Pladsholder til indhold 5">
            <a:extLst>
              <a:ext uri="{FF2B5EF4-FFF2-40B4-BE49-F238E27FC236}">
                <a16:creationId xmlns:a16="http://schemas.microsoft.com/office/drawing/2014/main" id="{6F927862-ACEF-EF1D-B926-86A27523A88D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899200" y="2008188"/>
            <a:ext cx="2578824" cy="4125278"/>
          </a:xfrm>
        </p:spPr>
        <p:txBody>
          <a:bodyPr/>
          <a:lstStyle/>
          <a:p>
            <a:pPr lvl="0"/>
            <a:r>
              <a:rPr lang="da-DK" dirty="0"/>
              <a:t>Klik for at tilføje tekst        Brug TAB for at gå frem i tekst-niveau.                   Brug SHIFT+TAB for at gå tilbage i tekst-niveau. Alternativt kan Forøge og Formindsk listeniveau bruges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FED0AE3-1961-41BE-7634-D31FB032409A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CA15ACFE-523B-7210-4C73-2954FB4CEEBA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BD48992-2009-B76A-4953-C287D8D8CA8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81243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793" userDrawn="1">
          <p15:clr>
            <a:srgbClr val="A4A3A4"/>
          </p15:clr>
        </p15:guide>
        <p15:guide id="3" pos="3884" userDrawn="1">
          <p15:clr>
            <a:srgbClr val="A4A3A4"/>
          </p15:clr>
        </p15:guide>
        <p15:guide id="4" orient="horz" pos="1265" userDrawn="1">
          <p15:clr>
            <a:srgbClr val="A4A3A4"/>
          </p15:clr>
        </p15:guide>
        <p15:guide id="9" pos="2078" userDrawn="1">
          <p15:clr>
            <a:srgbClr val="000000"/>
          </p15:clr>
        </p15:guide>
        <p15:guide id="10" pos="2169" userDrawn="1">
          <p15:clr>
            <a:srgbClr val="000000"/>
          </p15:clr>
        </p15:guide>
        <p15:guide id="11" pos="5515" userDrawn="1">
          <p15:clr>
            <a:srgbClr val="A4A3A4"/>
          </p15:clr>
        </p15:guide>
        <p15:guide id="12" pos="5605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 teks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0" y="0"/>
            <a:ext cx="5078224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99138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799138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6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726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6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0726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6" name="Titel" descr="{&quot;templafy&quot;:{&quot;id&quot;:&quot;3c609dba-8e8e-4ecb-bf1e-3b3842481144&quot;}}">
            <a:extLst>
              <a:ext uri="{FF2B5EF4-FFF2-40B4-BE49-F238E27FC236}">
                <a16:creationId xmlns:a16="http://schemas.microsoft.com/office/drawing/2014/main" id="{8A38DFA1-F02E-63D9-03A3-9CC489CCD8D6}"/>
              </a:ext>
            </a:extLst>
          </p:cNvPr>
          <p:cNvSpPr/>
          <p:nvPr userDrawn="1"/>
        </p:nvSpPr>
        <p:spPr>
          <a:xfrm>
            <a:off x="5799138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8" name="Pladsholder til dato 7">
            <a:extLst>
              <a:ext uri="{FF2B5EF4-FFF2-40B4-BE49-F238E27FC236}">
                <a16:creationId xmlns:a16="http://schemas.microsoft.com/office/drawing/2014/main" id="{FEAF2A4B-6AA7-46D6-4C80-1C73F1A622B3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10" name="Pladsholder til sidefod 9">
            <a:extLst>
              <a:ext uri="{FF2B5EF4-FFF2-40B4-BE49-F238E27FC236}">
                <a16:creationId xmlns:a16="http://schemas.microsoft.com/office/drawing/2014/main" id="{D5B11EA8-166B-CC04-B945-DD0869BDC4C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Pladsholder til slidenummer 11">
            <a:extLst>
              <a:ext uri="{FF2B5EF4-FFF2-40B4-BE49-F238E27FC236}">
                <a16:creationId xmlns:a16="http://schemas.microsoft.com/office/drawing/2014/main" id="{91481CAF-9FEB-64D3-9E8E-A3A01CB54E9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551142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53" userDrawn="1">
          <p15:clr>
            <a:srgbClr val="A4A3A4"/>
          </p15:clr>
        </p15:guide>
        <p15:guide id="2" pos="2746" userDrawn="1">
          <p15:clr>
            <a:srgbClr val="A4A3A4"/>
          </p15:clr>
        </p15:guide>
        <p15:guide id="3" orient="horz" pos="1265" userDrawn="1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 teks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0" y="0"/>
            <a:ext cx="5078224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99138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799138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6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726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6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0726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8" name="Titel" descr="{&quot;templafy&quot;:{&quot;id&quot;:&quot;6a117064-64ff-4898-bc52-6ab376f482d3&quot;}}">
            <a:extLst>
              <a:ext uri="{FF2B5EF4-FFF2-40B4-BE49-F238E27FC236}">
                <a16:creationId xmlns:a16="http://schemas.microsoft.com/office/drawing/2014/main" id="{42A74019-F4BD-444D-885C-FA1FC4B6B40E}"/>
              </a:ext>
            </a:extLst>
          </p:cNvPr>
          <p:cNvSpPr/>
          <p:nvPr userDrawn="1"/>
        </p:nvSpPr>
        <p:spPr>
          <a:xfrm>
            <a:off x="5799138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10" name="Pladsholder til dato 9">
            <a:extLst>
              <a:ext uri="{FF2B5EF4-FFF2-40B4-BE49-F238E27FC236}">
                <a16:creationId xmlns:a16="http://schemas.microsoft.com/office/drawing/2014/main" id="{5E7E111D-2B42-01AE-0691-DA10594FE353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0E62F8C9-9D6A-1B38-B8E3-65A6F71EB5E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6B79E1C2-12D4-C197-03A8-69262ADFB10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23293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53" userDrawn="1">
          <p15:clr>
            <a:srgbClr val="A4A3A4"/>
          </p15:clr>
        </p15:guide>
        <p15:guide id="2" pos="2746" userDrawn="1">
          <p15:clr>
            <a:srgbClr val="A4A3A4"/>
          </p15:clr>
        </p15:guide>
        <p15:guide id="3" orient="horz" pos="126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 teks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0" y="0"/>
            <a:ext cx="5078224" cy="6861600"/>
          </a:xfrm>
          <a:prstGeom prst="rect">
            <a:avLst/>
          </a:prstGeom>
          <a:solidFill>
            <a:schemeClr val="tx1">
              <a:lumMod val="10000"/>
              <a:lumOff val="9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99138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799138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6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726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6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0726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tx2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2" name="Titel" descr="{&quot;templafy&quot;:{&quot;id&quot;:&quot;cdc8f0cb-fe79-4854-8392-a01572887638&quot;}}">
            <a:extLst>
              <a:ext uri="{FF2B5EF4-FFF2-40B4-BE49-F238E27FC236}">
                <a16:creationId xmlns:a16="http://schemas.microsoft.com/office/drawing/2014/main" id="{2FE9BAB1-7504-F0CC-D4BC-6FF9499946DA}"/>
              </a:ext>
            </a:extLst>
          </p:cNvPr>
          <p:cNvSpPr/>
          <p:nvPr userDrawn="1"/>
        </p:nvSpPr>
        <p:spPr>
          <a:xfrm>
            <a:off x="5799138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8" name="Pladsholder til dato 7">
            <a:extLst>
              <a:ext uri="{FF2B5EF4-FFF2-40B4-BE49-F238E27FC236}">
                <a16:creationId xmlns:a16="http://schemas.microsoft.com/office/drawing/2014/main" id="{34180E10-58B8-6C8D-1CE9-7E79F205ECD0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10" name="Pladsholder til sidefod 9">
            <a:extLst>
              <a:ext uri="{FF2B5EF4-FFF2-40B4-BE49-F238E27FC236}">
                <a16:creationId xmlns:a16="http://schemas.microsoft.com/office/drawing/2014/main" id="{F512E3C9-9E6A-A5F8-0D36-4B69075A92E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D630F9B0-F8D3-65A2-26C6-A32DECCCB8F3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02856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53" userDrawn="1">
          <p15:clr>
            <a:srgbClr val="A4A3A4"/>
          </p15:clr>
        </p15:guide>
        <p15:guide id="2" pos="2746" userDrawn="1">
          <p15:clr>
            <a:srgbClr val="A4A3A4"/>
          </p15:clr>
        </p15:guide>
        <p15:guide id="3" orient="horz" pos="1265" userDrawn="1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ighlight tekst og indhold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>
            <a:extLst>
              <a:ext uri="{FF2B5EF4-FFF2-40B4-BE49-F238E27FC236}">
                <a16:creationId xmlns:a16="http://schemas.microsoft.com/office/drawing/2014/main" id="{29C50E12-C92F-F90B-7A3B-E851CBE06104}"/>
              </a:ext>
            </a:extLst>
          </p:cNvPr>
          <p:cNvSpPr/>
          <p:nvPr userDrawn="1"/>
        </p:nvSpPr>
        <p:spPr>
          <a:xfrm>
            <a:off x="0" y="0"/>
            <a:ext cx="5078224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5825402-D9A7-F4D8-E1E2-46B79BD06C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799138" y="650342"/>
            <a:ext cx="5668961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39E49887-C4D3-4BCC-B48C-20FBDAA0420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799138" y="2008800"/>
            <a:ext cx="5672136" cy="4125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tilføje tekst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28AED427-63BC-A6EF-897B-B64F3DB3BF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6" y="1751870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27CDEEC6-D6C7-C8D6-BCBE-E374C1A067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726" y="2990981"/>
            <a:ext cx="3638550" cy="821359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14" name="Pladsholder til tekst 12">
            <a:extLst>
              <a:ext uri="{FF2B5EF4-FFF2-40B4-BE49-F238E27FC236}">
                <a16:creationId xmlns:a16="http://schemas.microsoft.com/office/drawing/2014/main" id="{96C6F599-0A31-53E2-249F-6C08C173C92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6" y="3816369"/>
            <a:ext cx="3638549" cy="123911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8000" b="1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spcAft>
                <a:spcPts val="200"/>
              </a:spcAft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XXX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F667800A-190B-5E65-F2C4-E36C9E74222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0726" y="5055480"/>
            <a:ext cx="3638550" cy="1078598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6pPr>
            <a:lvl7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7pPr>
            <a:lvl8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8pPr>
            <a:lvl9pPr marL="0" indent="0">
              <a:lnSpc>
                <a:spcPct val="110000"/>
              </a:lnSpc>
              <a:spcBef>
                <a:spcPts val="0"/>
              </a:spcBef>
              <a:buFont typeface="Segoe UI" panose="020B0502040204020203" pitchFamily="34" charset="0"/>
              <a:buChar char="​"/>
              <a:defRPr sz="15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tilføje tekst</a:t>
            </a:r>
            <a:endParaRPr lang="da-DK"/>
          </a:p>
        </p:txBody>
      </p:sp>
      <p:sp>
        <p:nvSpPr>
          <p:cNvPr id="8" name="Titel" descr="{&quot;templafy&quot;:{&quot;id&quot;:&quot;0d84ed09-e2a7-4cad-a26e-76ef96d31710&quot;}}">
            <a:extLst>
              <a:ext uri="{FF2B5EF4-FFF2-40B4-BE49-F238E27FC236}">
                <a16:creationId xmlns:a16="http://schemas.microsoft.com/office/drawing/2014/main" id="{CF6F9F9D-5715-75B5-1206-5595461645A2}"/>
              </a:ext>
            </a:extLst>
          </p:cNvPr>
          <p:cNvSpPr/>
          <p:nvPr userDrawn="1"/>
        </p:nvSpPr>
        <p:spPr>
          <a:xfrm>
            <a:off x="5799138" y="6399170"/>
            <a:ext cx="51101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906193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53" userDrawn="1">
          <p15:clr>
            <a:srgbClr val="A4A3A4"/>
          </p15:clr>
        </p15:guide>
        <p15:guide id="2" pos="2746" userDrawn="1">
          <p15:clr>
            <a:srgbClr val="A4A3A4"/>
          </p15:clr>
        </p15:guide>
        <p15:guide id="3" orient="horz" pos="1265" userDrawn="1">
          <p15:clr>
            <a:srgbClr val="A4A3A4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C29FD840-27B7-B63E-91B1-093082D57B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137" y="582503"/>
            <a:ext cx="10752137" cy="4702269"/>
          </a:xfrm>
        </p:spPr>
        <p:txBody>
          <a:bodyPr anchor="t"/>
          <a:lstStyle>
            <a:lvl1pPr algn="l">
              <a:defRPr sz="8000"/>
            </a:lvl1pPr>
          </a:lstStyle>
          <a:p>
            <a:r>
              <a:rPr lang="da-DK" dirty="0"/>
              <a:t>Klik for at tilføje skilleside titel</a:t>
            </a:r>
            <a:endParaRPr lang="da-DK"/>
          </a:p>
        </p:txBody>
      </p:sp>
      <p:sp>
        <p:nvSpPr>
          <p:cNvPr id="12" name="Titel" descr="{&quot;templafy&quot;:{&quot;id&quot;:&quot;2ec5bfef-2ce9-43c6-ab2c-90620b6161d7&quot;}}">
            <a:extLst>
              <a:ext uri="{FF2B5EF4-FFF2-40B4-BE49-F238E27FC236}">
                <a16:creationId xmlns:a16="http://schemas.microsoft.com/office/drawing/2014/main" id="{15034B39-940C-2058-7767-62674892F729}"/>
              </a:ext>
            </a:extLst>
          </p:cNvPr>
          <p:cNvSpPr/>
          <p:nvPr userDrawn="1"/>
        </p:nvSpPr>
        <p:spPr>
          <a:xfrm>
            <a:off x="719138" y="6399170"/>
            <a:ext cx="51990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9C9E736-82EA-9DCF-3A48-305E4540E4D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1CB7E783-B404-B455-534D-27AA0B88FE6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CCAB909E-2758-778C-FE06-3C36C514ECC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3184221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C29FD840-27B7-B63E-91B1-093082D57B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137" y="582503"/>
            <a:ext cx="10752137" cy="4702269"/>
          </a:xfrm>
        </p:spPr>
        <p:txBody>
          <a:bodyPr anchor="t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skilleside titel</a:t>
            </a:r>
            <a:endParaRPr lang="da-DK"/>
          </a:p>
        </p:txBody>
      </p:sp>
      <p:sp>
        <p:nvSpPr>
          <p:cNvPr id="4" name="Titel" descr="{&quot;templafy&quot;:{&quot;id&quot;:&quot;61310cc1-5e1f-4ff0-ac93-ccc5ac6a0753&quot;}}">
            <a:extLst>
              <a:ext uri="{FF2B5EF4-FFF2-40B4-BE49-F238E27FC236}">
                <a16:creationId xmlns:a16="http://schemas.microsoft.com/office/drawing/2014/main" id="{F02BC834-B21C-A44F-6A2F-850B87D6971F}"/>
              </a:ext>
            </a:extLst>
          </p:cNvPr>
          <p:cNvSpPr/>
          <p:nvPr userDrawn="1"/>
        </p:nvSpPr>
        <p:spPr>
          <a:xfrm>
            <a:off x="719138" y="6399170"/>
            <a:ext cx="51990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313AA218-E6F4-8C56-0B3E-766A124A761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39699D2-78D9-4833-F66C-F3A036F5F2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B7DB4EE4-6A4F-04F8-D2D9-098491111B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9042398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12048000" y="0"/>
            <a:ext cx="15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4316774"/>
            <a:ext cx="8335100" cy="1271824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7" name="Date" descr="{&quot;templafy&quot;:{&quot;id&quot;:&quot;f41135c1-0010-4034-8fa8-29c8df178079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9982201" y="6400801"/>
            <a:ext cx="1489074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E9FD245-95DA-49E5-BC87-846C3AEEB432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43352301" name="logo" descr="{&quot;templafy&quot;:{&quot;id&quot;:&quot;c0a6bcd3-e951-4be7-9893-16db477b481c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57213" y="720000"/>
            <a:ext cx="2203500" cy="655200"/>
          </a:xfrm>
          <a:prstGeom prst="rect">
            <a:avLst/>
          </a:prstGeom>
        </p:spPr>
      </p:pic>
      <p:sp>
        <p:nvSpPr>
          <p:cNvPr id="2" name="Name" descr="{&quot;templafy&quot;:{&quot;id&quot;:&quot;32090683-b3a4-408d-96fc-92cdaad5d617&quot;}}">
            <a:extLst>
              <a:ext uri="{FF2B5EF4-FFF2-40B4-BE49-F238E27FC236}">
                <a16:creationId xmlns:a16="http://schemas.microsoft.com/office/drawing/2014/main" id="{B58EBF6A-3058-BC78-0516-7A3C2EC744AE}"/>
              </a:ext>
            </a:extLst>
          </p:cNvPr>
          <p:cNvSpPr/>
          <p:nvPr userDrawn="1"/>
        </p:nvSpPr>
        <p:spPr>
          <a:xfrm>
            <a:off x="720000" y="6400801"/>
            <a:ext cx="8335100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thilde Enghave Friis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82456DAB-3BC6-133F-07F3-BC21BD173A2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2231938"/>
            <a:ext cx="8335100" cy="1778909"/>
          </a:xfrm>
        </p:spPr>
        <p:txBody>
          <a:bodyPr anchor="b" anchorCtr="0"/>
          <a:lstStyle>
            <a:lvl1pPr>
              <a:lnSpc>
                <a:spcPct val="90000"/>
              </a:lnSpc>
              <a:defRPr sz="6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374130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side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137" y="582503"/>
            <a:ext cx="10752137" cy="4702269"/>
          </a:xfrm>
        </p:spPr>
        <p:txBody>
          <a:bodyPr anchor="t"/>
          <a:lstStyle>
            <a:lvl1pPr algn="l">
              <a:defRPr sz="80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tilføje skilleside titel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51808495-95DF-D17D-8C2D-55F773F9EBF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FBEB80FC-BF74-8484-4CBF-6FEBF62EC81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6423C35-ED35-1803-D565-70AFAF41642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660813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C29FD840-27B7-B63E-91B1-093082D57BC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137" y="582503"/>
            <a:ext cx="10752137" cy="4702269"/>
          </a:xfrm>
        </p:spPr>
        <p:txBody>
          <a:bodyPr anchor="t"/>
          <a:lstStyle>
            <a:lvl1pPr algn="l">
              <a:defRPr sz="8000"/>
            </a:lvl1pPr>
          </a:lstStyle>
          <a:p>
            <a:r>
              <a:rPr lang="da-DK" dirty="0"/>
              <a:t>Klik for at tilføje skilleside titel</a:t>
            </a:r>
            <a:endParaRPr lang="da-DK"/>
          </a:p>
        </p:txBody>
      </p:sp>
      <p:sp>
        <p:nvSpPr>
          <p:cNvPr id="4" name="Titel" descr="{&quot;templafy&quot;:{&quot;id&quot;:&quot;f3addad5-837c-4bf3-b4c5-eb5afda3cbab&quot;}}">
            <a:extLst>
              <a:ext uri="{FF2B5EF4-FFF2-40B4-BE49-F238E27FC236}">
                <a16:creationId xmlns:a16="http://schemas.microsoft.com/office/drawing/2014/main" id="{3B8B1841-7355-5ED7-DC78-E92D2862D1F5}"/>
              </a:ext>
            </a:extLst>
          </p:cNvPr>
          <p:cNvSpPr/>
          <p:nvPr userDrawn="1"/>
        </p:nvSpPr>
        <p:spPr>
          <a:xfrm>
            <a:off x="719138" y="6399170"/>
            <a:ext cx="51990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657BBA05-3B22-08CE-A607-5B2CAD5CF17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BC0C17C9-E939-647F-241F-6D3F853DD30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B2DB8012-D24E-CB11-FA05-6EEBAC498B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10179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helsidet billed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7">
            <a:extLst>
              <a:ext uri="{FF2B5EF4-FFF2-40B4-BE49-F238E27FC236}">
                <a16:creationId xmlns:a16="http://schemas.microsoft.com/office/drawing/2014/main" id="{2418BA60-6483-7C66-A755-D3E9CE74F0D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0"/>
            <a:ext cx="12192001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denne tekst og indsæt baggrundsbillede via Templafy Images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19137" y="582503"/>
            <a:ext cx="10752137" cy="4702269"/>
          </a:xfrm>
        </p:spPr>
        <p:txBody>
          <a:bodyPr anchor="t"/>
          <a:lstStyle>
            <a:lvl1pPr algn="l">
              <a:defRPr sz="8000"/>
            </a:lvl1pPr>
          </a:lstStyle>
          <a:p>
            <a:r>
              <a:rPr lang="da-DK" dirty="0"/>
              <a:t>Klik for at tilføje skilleside titel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956EFE89-1557-8A9C-0758-317B500B1A11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E17C29EE-8904-1CC7-448D-1B6DF508E7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42A75D78-0202-FCD9-C11F-D3C7BC1A207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8161174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2" y="0"/>
            <a:ext cx="7113601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20000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13600" y="0"/>
            <a:ext cx="50784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2C6FBB3-84B6-4241-B0CB-BC2B8D848674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EE2A88C2-9606-C04D-F386-46F1A1F925A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8264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el" descr="{&quot;templafy&quot;:{&quot;id&quot;:&quot;f7e783f8-27e9-47db-b2d2-0d016107f783&quot;}}">
            <a:extLst>
              <a:ext uri="{FF2B5EF4-FFF2-40B4-BE49-F238E27FC236}">
                <a16:creationId xmlns:a16="http://schemas.microsoft.com/office/drawing/2014/main" id="{3E9FCFE1-3679-CBB8-8C33-0BB963212D9E}"/>
              </a:ext>
            </a:extLst>
          </p:cNvPr>
          <p:cNvSpPr/>
          <p:nvPr userDrawn="1"/>
        </p:nvSpPr>
        <p:spPr>
          <a:xfrm>
            <a:off x="719138" y="6399170"/>
            <a:ext cx="5107261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1859170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2" y="0"/>
            <a:ext cx="7113601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20000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13600" y="0"/>
            <a:ext cx="50784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60B6BC9-6B44-4DE1-8732-772B84547E18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EE2A88C2-9606-C04D-F386-46F1A1F925A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8264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el" descr="{&quot;templafy&quot;:{&quot;id&quot;:&quot;302939c6-a90b-4b3e-acf5-f19586eac6aa&quot;}}">
            <a:extLst>
              <a:ext uri="{FF2B5EF4-FFF2-40B4-BE49-F238E27FC236}">
                <a16:creationId xmlns:a16="http://schemas.microsoft.com/office/drawing/2014/main" id="{E88F4E61-AD61-ECA0-5D0E-BF902AF49034}"/>
              </a:ext>
            </a:extLst>
          </p:cNvPr>
          <p:cNvSpPr/>
          <p:nvPr userDrawn="1"/>
        </p:nvSpPr>
        <p:spPr>
          <a:xfrm>
            <a:off x="719138" y="6399170"/>
            <a:ext cx="5107261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9174278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side med billede C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20000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13600" y="0"/>
            <a:ext cx="50784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433FAD8-D071-4107-AD7D-CCC2384AB6CB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EE2A88C2-9606-C04D-F386-46F1A1F925A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8264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047379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2" y="0"/>
            <a:ext cx="7113601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20000" y="602316"/>
            <a:ext cx="5673600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maks. fire linjer </a:t>
            </a:r>
            <a:endParaRPr lang="da-DK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113600" y="0"/>
            <a:ext cx="50784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3FB025B-C450-5E56-8896-E4D0C0C66F4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BEAF2180-B927-42B4-AF27-215479E6DC90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35CA1C3B-01BA-DE2D-0571-76F84216046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EE2A88C2-9606-C04D-F386-46F1A1F925A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8264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el" descr="{&quot;templafy&quot;:{&quot;id&quot;:&quot;74104311-2e17-4223-85ff-5f7f60145565&quot;}}">
            <a:extLst>
              <a:ext uri="{FF2B5EF4-FFF2-40B4-BE49-F238E27FC236}">
                <a16:creationId xmlns:a16="http://schemas.microsoft.com/office/drawing/2014/main" id="{3F26F2E3-704D-FB71-7FDC-505D0B96DC76}"/>
              </a:ext>
            </a:extLst>
          </p:cNvPr>
          <p:cNvSpPr/>
          <p:nvPr userDrawn="1"/>
        </p:nvSpPr>
        <p:spPr>
          <a:xfrm>
            <a:off x="719138" y="6399170"/>
            <a:ext cx="5107261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6404039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7113600" y="0"/>
            <a:ext cx="50784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71136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833600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11" name="Titel" descr="{&quot;templafy&quot;:{&quot;id&quot;:&quot;4e311c95-1458-4927-ac66-d2b6458de829&quot;}}">
            <a:extLst>
              <a:ext uri="{FF2B5EF4-FFF2-40B4-BE49-F238E27FC236}">
                <a16:creationId xmlns:a16="http://schemas.microsoft.com/office/drawing/2014/main" id="{E38BF159-F00B-9648-C3F6-D041FEF3B145}"/>
              </a:ext>
            </a:extLst>
          </p:cNvPr>
          <p:cNvSpPr/>
          <p:nvPr userDrawn="1"/>
        </p:nvSpPr>
        <p:spPr>
          <a:xfrm>
            <a:off x="7833601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69853E96-64DE-41D1-ACFB-DCC7B77A010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762C3552-402A-225D-3C2C-9064B15D69C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78A2D54F-7372-81DF-4DB0-B09896BA99B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4162101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  <p15:guide id="3" pos="4934" userDrawn="1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side med billede F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7113600" y="0"/>
            <a:ext cx="50784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71136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833600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3" name="Titel" descr="{&quot;templafy&quot;:{&quot;id&quot;:&quot;28f2486c-e41a-4102-8c66-c5a14f046768&quot;}}">
            <a:extLst>
              <a:ext uri="{FF2B5EF4-FFF2-40B4-BE49-F238E27FC236}">
                <a16:creationId xmlns:a16="http://schemas.microsoft.com/office/drawing/2014/main" id="{FE037287-EBE2-1167-39F3-A4435A19E812}"/>
              </a:ext>
            </a:extLst>
          </p:cNvPr>
          <p:cNvSpPr/>
          <p:nvPr userDrawn="1"/>
        </p:nvSpPr>
        <p:spPr>
          <a:xfrm>
            <a:off x="7833601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5B4E8A0-AACC-85E9-B8B6-872B9354601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9CCD8239-7254-880B-9539-03A025F8E17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884DAB8E-0A42-5D2B-D458-7FFCE24C71E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043868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  <p15:guide id="3" pos="4934" userDrawn="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G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71136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833600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3" name="Titel" descr="{&quot;templafy&quot;:{&quot;id&quot;:&quot;0e0bbff7-4ee3-4e9e-8830-ed4b52e81d7b&quot;}}">
            <a:extLst>
              <a:ext uri="{FF2B5EF4-FFF2-40B4-BE49-F238E27FC236}">
                <a16:creationId xmlns:a16="http://schemas.microsoft.com/office/drawing/2014/main" id="{DA772E7D-4742-8975-EE4C-9A0253796DFD}"/>
              </a:ext>
            </a:extLst>
          </p:cNvPr>
          <p:cNvSpPr/>
          <p:nvPr userDrawn="1"/>
        </p:nvSpPr>
        <p:spPr>
          <a:xfrm>
            <a:off x="7833601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AD04989-200E-7671-DE04-8D32DF9A8DBE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C3F68AC2-40C2-FE01-6609-D5F104F9184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671F4CF8-5D0C-E794-2EBF-13593AACC17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377858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  <p15:guide id="3" pos="4934" userDrawn="1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C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1" y="0"/>
            <a:ext cx="711058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7113600" y="0"/>
            <a:ext cx="1440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2C2DA299-642A-ACF4-F153-1EC055B2711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2235969"/>
            <a:ext cx="5673725" cy="1290274"/>
          </a:xfrm>
        </p:spPr>
        <p:txBody>
          <a:bodyPr anchor="b" anchorCtr="0"/>
          <a:lstStyle>
            <a:lvl1pPr>
              <a:lnSpc>
                <a:spcPct val="93000"/>
              </a:lnSpc>
              <a:defRPr sz="4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19999" y="3723361"/>
            <a:ext cx="5691817" cy="1891241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sz="15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7" name="Date" descr="{&quot;templafy&quot;:{&quot;id&quot;:&quot;9e48b5d5-ff66-4567-9277-96c7cb3665b5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4991100" y="6400801"/>
            <a:ext cx="1394100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F7E099B-97A0-40F5-BA30-AED34E8D7FA0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257600" y="0"/>
            <a:ext cx="49392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pic>
        <p:nvPicPr>
          <p:cNvPr id="1758103046" name="logo" descr="{&quot;templafy&quot;:{&quot;id&quot;:&quot;03cbe067-2af4-42ae-ae3c-47c63d82272b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57213" y="720000"/>
            <a:ext cx="2203500" cy="655200"/>
          </a:xfrm>
          <a:prstGeom prst="rect">
            <a:avLst/>
          </a:prstGeom>
        </p:spPr>
      </p:pic>
      <p:sp>
        <p:nvSpPr>
          <p:cNvPr id="2" name="Name" descr="{&quot;templafy&quot;:{&quot;id&quot;:&quot;2ef99dd2-b096-4853-b519-da76c92b922e&quot;}}">
            <a:extLst>
              <a:ext uri="{FF2B5EF4-FFF2-40B4-BE49-F238E27FC236}">
                <a16:creationId xmlns:a16="http://schemas.microsoft.com/office/drawing/2014/main" id="{79B31473-8039-2B79-6757-C01182E97EA2}"/>
              </a:ext>
            </a:extLst>
          </p:cNvPr>
          <p:cNvSpPr/>
          <p:nvPr userDrawn="1"/>
        </p:nvSpPr>
        <p:spPr>
          <a:xfrm>
            <a:off x="720000" y="6400801"/>
            <a:ext cx="4268079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thilde Enghave Friis</a:t>
            </a:r>
          </a:p>
        </p:txBody>
      </p:sp>
    </p:spTree>
    <p:extLst>
      <p:ext uri="{BB962C8B-B14F-4D97-AF65-F5344CB8AC3E}">
        <p14:creationId xmlns:p14="http://schemas.microsoft.com/office/powerpoint/2010/main" val="168234322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027" userDrawn="1">
          <p15:clr>
            <a:srgbClr val="A4A3A4"/>
          </p15:clr>
        </p15:guide>
        <p15:guide id="2" pos="4571" userDrawn="1">
          <p15:clr>
            <a:srgbClr val="A4A3A4"/>
          </p15:clr>
        </p15:guide>
        <p15:guide id="3" pos="4481" userDrawn="1">
          <p15:clr>
            <a:srgbClr val="A4A3A4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 med billede H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7113600" y="0"/>
            <a:ext cx="50784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71136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833600" y="602316"/>
            <a:ext cx="3640388" cy="3664884"/>
          </a:xfrm>
        </p:spPr>
        <p:txBody>
          <a:bodyPr anchor="t" anchorCtr="0"/>
          <a:lstStyle>
            <a:lvl1pPr algn="l">
              <a:lnSpc>
                <a:spcPct val="97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titel i flere linjer </a:t>
            </a:r>
            <a:endParaRPr lang="da-DK"/>
          </a:p>
        </p:txBody>
      </p:sp>
      <p:sp>
        <p:nvSpPr>
          <p:cNvPr id="3" name="Titel" descr="{&quot;templafy&quot;:{&quot;id&quot;:&quot;3d08e9c8-456f-4921-9f31-b172e5f80a54&quot;}}">
            <a:extLst>
              <a:ext uri="{FF2B5EF4-FFF2-40B4-BE49-F238E27FC236}">
                <a16:creationId xmlns:a16="http://schemas.microsoft.com/office/drawing/2014/main" id="{021C6F41-5D14-7599-8A84-36CEF60E5126}"/>
              </a:ext>
            </a:extLst>
          </p:cNvPr>
          <p:cNvSpPr/>
          <p:nvPr userDrawn="1"/>
        </p:nvSpPr>
        <p:spPr>
          <a:xfrm>
            <a:off x="7833601" y="6399170"/>
            <a:ext cx="307570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74605DE-5644-B6C4-7B1A-49FEDD9D0BE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8B8C3548-7425-B557-5F40-389323C2C04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2C292BC9-646D-41CE-A8F3-ECA6934EFDE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0020647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027" userDrawn="1">
          <p15:clr>
            <a:srgbClr val="A4A3A4"/>
          </p15:clr>
        </p15:guide>
        <p15:guide id="3" pos="4934" userDrawn="1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760BBD6C-5D95-2F0C-EFFF-B5E3090557D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81E76070-2580-E841-83FD-B0DE483A5B5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E9DA0226-DA33-B666-D574-BB8DCEBC6BD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65" userDrawn="1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825BCE9B-CF39-BDE3-771B-CF1FFDDACCD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30FA1E4F-1971-643E-F2C8-F3925C66966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6E33F9C-A216-2D01-ABF0-EF5B9F77A6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1576131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B4472A74-057F-1C78-4AD8-56B718657F2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CECB325-BC92-4E7B-8B55-808C9C9906F9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AE87C5E-391F-2B0C-2A66-56B97D8C7D2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70BE4F7-DDCB-C553-6101-3147BA99AC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Baggrund">
            <a:extLst>
              <a:ext uri="{FF2B5EF4-FFF2-40B4-BE49-F238E27FC236}">
                <a16:creationId xmlns:a16="http://schemas.microsoft.com/office/drawing/2014/main" id="{BF808D23-DBAD-2B81-5BAD-649DE8B7E3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3137A96B-8C45-C707-3F02-83EE16370AB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56000" y="2107143"/>
            <a:ext cx="2880000" cy="2643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6435448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 B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B4472A74-057F-1C78-4AD8-56B718657F2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9696A84-4547-43B2-BDD9-2F99CD5E4EC6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3AE87C5E-391F-2B0C-2A66-56B97D8C7D2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70BE4F7-DDCB-C553-6101-3147BA99AC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Baggrund">
            <a:extLst>
              <a:ext uri="{FF2B5EF4-FFF2-40B4-BE49-F238E27FC236}">
                <a16:creationId xmlns:a16="http://schemas.microsoft.com/office/drawing/2014/main" id="{BF808D23-DBAD-2B81-5BAD-649DE8B7E3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3137A96B-8C45-C707-3F02-83EE16370AB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16="http://schemas.microsoft.com/office/drawing/2014/main" xmlns:a14="http://schemas.microsoft.com/office/drawing/2010/main" xmlns:p14="http://schemas.microsoft.com/office/powerpoint/2010/main"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56000" y="2107143"/>
            <a:ext cx="2880000" cy="26437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725822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7" name="Pladsholder til indhold 6">
            <a:extLst>
              <a:ext uri="{FF2B5EF4-FFF2-40B4-BE49-F238E27FC236}">
                <a16:creationId xmlns:a16="http://schemas.microsoft.com/office/drawing/2014/main" id="{967A7D95-358B-2E70-28DA-27DDEF76B244}"/>
              </a:ext>
            </a:extLst>
          </p:cNvPr>
          <p:cNvGraphicFramePr>
            <a:graphicFrameLocks/>
          </p:cNvGraphicFramePr>
          <p:nvPr userDrawn="1">
            <p:extLst>
              <p:ext uri="{D42A27DB-BD31-4B8C-83A1-F6EECF244321}">
                <p14:modId xmlns:p14="http://schemas.microsoft.com/office/powerpoint/2010/main" val="3808476520"/>
              </p:ext>
            </p:extLst>
          </p:nvPr>
        </p:nvGraphicFramePr>
        <p:xfrm>
          <a:off x="717550" y="2015286"/>
          <a:ext cx="3486150" cy="4796089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2473888">
                  <a:extLst>
                    <a:ext uri="{9D8B030D-6E8A-4147-A177-3AD203B41FA5}">
                      <a16:colId xmlns:a16="http://schemas.microsoft.com/office/drawing/2014/main" val="706035649"/>
                    </a:ext>
                  </a:extLst>
                </a:gridCol>
                <a:gridCol w="1012262">
                  <a:extLst>
                    <a:ext uri="{9D8B030D-6E8A-4147-A177-3AD203B41FA5}">
                      <a16:colId xmlns:a16="http://schemas.microsoft.com/office/drawing/2014/main" val="1383722851"/>
                    </a:ext>
                  </a:extLst>
                </a:gridCol>
              </a:tblGrid>
              <a:tr h="1441167">
                <a:tc>
                  <a:txBody>
                    <a:bodyPr/>
                    <a:lstStyle/>
                    <a:p>
                      <a:pPr>
                        <a:lnSpc>
                          <a:spcPct val="100000"/>
                        </a:lnSpc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NYT SLIDE</a:t>
                      </a:r>
                      <a:r>
                        <a:rPr lang="da-DK" sz="1000" dirty="0"/>
                        <a:t/>
                      </a:r>
                      <a:br>
                        <a:rPr lang="da-DK" sz="1000" dirty="0"/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fanen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Hjem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. </a:t>
                      </a:r>
                      <a:endParaRPr lang="da-DK"/>
                    </a:p>
                    <a:p>
                      <a:pPr>
                        <a:lnSpc>
                          <a:spcPct val="100000"/>
                        </a:lnSpc>
                      </a:pPr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>
                        <a:lnSpc>
                          <a:spcPct val="100000"/>
                        </a:lnSpc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pilen ved menupunktet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Ny slide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 at indsætte et nyt slide. 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Her får du et overblik over de godkendte</a:t>
                      </a:r>
                      <a:r>
                        <a:rPr lang="da-DK" sz="1000" b="0" kern="1200" baseline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UVM-layouts.</a:t>
                      </a:r>
                      <a:endParaRPr lang="da-DK"/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lvl="0" indent="0" algn="l" defTabSz="914400" rtl="0" eaLnBrk="1" latinLnBrk="0" hangingPunct="1">
                        <a:lnSpc>
                          <a:spcPct val="11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endParaRPr lang="da-DK" sz="100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71379899"/>
                  </a:ext>
                </a:extLst>
              </a:tr>
              <a:tr h="1601460">
                <a:tc>
                  <a:txBody>
                    <a:bodyPr/>
                    <a:lstStyle/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SKIFT LAYOUT</a:t>
                      </a:r>
                      <a:r>
                        <a:rPr lang="da-DK" sz="2800" b="1" dirty="0"/>
                        <a:t/>
                      </a:r>
                      <a:br>
                        <a:rPr lang="da-DK" sz="2800" b="1" dirty="0"/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pilen ved siden af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Layout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for at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å vist den </a:t>
                      </a:r>
                      <a:r>
                        <a:rPr lang="da-DK" sz="1000" b="0" kern="1200" dirty="0" err="1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dropdown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-menu af mulige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slide-layouts.  Variér mellem de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skellige layouts.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Vælg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Layout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for at ændre dit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nuværende layout til et andet og vælg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Nulstil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for at nulstille til det oprindelige design. </a:t>
                      </a:r>
                      <a:endParaRPr lang="da-DK" dirty="0"/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66520005"/>
                  </a:ext>
                </a:extLst>
              </a:tr>
              <a:tr h="1753462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ENYT</a:t>
                      </a:r>
                      <a:r>
                        <a:rPr lang="da-DK" sz="1200" b="1" kern="1200" baseline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BUVM’S DESIGN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/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Hvis du kopierer indhold fra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gamle slides, skal det formateres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il BUVM design. </a:t>
                      </a:r>
                      <a:endParaRPr lang="da-DK"/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Højreklik i den nye præsentation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og vælg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destinationstema (D)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. 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1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30199272"/>
                  </a:ext>
                </a:extLst>
              </a:tr>
            </a:tbl>
          </a:graphicData>
        </a:graphic>
      </p:graphicFrame>
      <p:graphicFrame>
        <p:nvGraphicFramePr>
          <p:cNvPr id="18" name="Pladsholder til indhold 11">
            <a:extLst>
              <a:ext uri="{FF2B5EF4-FFF2-40B4-BE49-F238E27FC236}">
                <a16:creationId xmlns:a16="http://schemas.microsoft.com/office/drawing/2014/main" id="{85D08D22-C7A7-93BE-97D0-61546C646FD7}"/>
              </a:ext>
            </a:extLst>
          </p:cNvPr>
          <p:cNvGraphicFramePr>
            <a:graphicFrameLocks/>
          </p:cNvGraphicFramePr>
          <p:nvPr userDrawn="1">
            <p:extLst>
              <p:ext uri="{D42A27DB-BD31-4B8C-83A1-F6EECF244321}">
                <p14:modId xmlns:p14="http://schemas.microsoft.com/office/powerpoint/2010/main" val="2379175852"/>
              </p:ext>
            </p:extLst>
          </p:nvPr>
        </p:nvGraphicFramePr>
        <p:xfrm>
          <a:off x="4349750" y="2015286"/>
          <a:ext cx="3486150" cy="4604703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2409865">
                  <a:extLst>
                    <a:ext uri="{9D8B030D-6E8A-4147-A177-3AD203B41FA5}">
                      <a16:colId xmlns:a16="http://schemas.microsoft.com/office/drawing/2014/main" val="2509865329"/>
                    </a:ext>
                  </a:extLst>
                </a:gridCol>
                <a:gridCol w="1076285">
                  <a:extLst>
                    <a:ext uri="{9D8B030D-6E8A-4147-A177-3AD203B41FA5}">
                      <a16:colId xmlns:a16="http://schemas.microsoft.com/office/drawing/2014/main" val="3807240040"/>
                    </a:ext>
                  </a:extLst>
                </a:gridCol>
              </a:tblGrid>
              <a:tr h="1581150">
                <a:tc>
                  <a:txBody>
                    <a:bodyPr/>
                    <a:lstStyle/>
                    <a:p>
                      <a:pPr marL="0" indent="0" algn="l" defTabSz="914400" rtl="0" eaLnBrk="1" latinLnBrk="0" hangingPunct="1">
                        <a:buNone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FOR EN TIDLINJE,</a:t>
                      </a:r>
                      <a:b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EN DAGSORDEN ELLER LIGNENDE?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/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ind inspiration og benyt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ærdige de slides, der er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ilpasset ministeriets design.</a:t>
                      </a:r>
                      <a:r>
                        <a:rPr lang="da-DK" sz="1000" b="0" kern="1200" baseline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br>
                        <a:rPr lang="da-DK" sz="1000" b="0" kern="1200" baseline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Udfyldte slides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 Templafy-vinduet til højre på skærmen.</a:t>
                      </a:r>
                      <a:endParaRPr lang="da-DK"/>
                    </a:p>
                  </a:txBody>
                  <a:tcPr marL="0" marR="0" marT="0" marB="0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27092240"/>
                  </a:ext>
                </a:extLst>
              </a:tr>
              <a:tr h="1581849">
                <a:tc>
                  <a:txBody>
                    <a:bodyPr/>
                    <a:lstStyle/>
                    <a:p>
                      <a:pPr marL="0" lvl="0" indent="0" algn="l" defTabSz="914400" rtl="0" eaLnBrk="1" latinLnBrk="0" hangingPunct="1">
                        <a:lnSpc>
                          <a:spcPct val="11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ILLEDER </a:t>
                      </a:r>
                      <a:b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Vælg den boks på dit slide,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hvor du vil sætte et billede ind. 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illeder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i højre side af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skærmen, og vælg billede eller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llustration. 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illedet tilpasser sig den boks,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du har valgt. </a:t>
                      </a:r>
                      <a:endParaRPr lang="da-DK" dirty="0"/>
                    </a:p>
                  </a:txBody>
                  <a:tcPr marL="0" marR="0" marT="0" marB="0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686208432"/>
                  </a:ext>
                </a:extLst>
              </a:tr>
              <a:tr h="1385836">
                <a:tc>
                  <a:txBody>
                    <a:bodyPr/>
                    <a:lstStyle/>
                    <a:p>
                      <a:pPr marL="0" lvl="0" indent="0" algn="l" defTabSz="914400" rtl="0" eaLnBrk="1" latinLnBrk="0" hangingPunct="1">
                        <a:lnSpc>
                          <a:spcPct val="11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KONER &amp; </a:t>
                      </a:r>
                      <a:b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LLUSTRATIONER</a:t>
                      </a:r>
                      <a:endParaRPr lang="da-DK"/>
                    </a:p>
                    <a:p>
                      <a:pPr marL="0" indent="0"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gerne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koner og </a:t>
                      </a:r>
                      <a:b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llustrationer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il at styrke det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visuelle udtryk i dine slides. </a:t>
                      </a:r>
                      <a:endParaRPr lang="da-DK"/>
                    </a:p>
                    <a:p>
                      <a:pPr marL="0" indent="0"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Klik på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koner og Illustrationer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emplafy-vinduet til højre på skærmen.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1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endParaRPr lang="da-DK" sz="1200" b="1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64312310"/>
                  </a:ext>
                </a:extLst>
              </a:tr>
            </a:tbl>
          </a:graphicData>
        </a:graphic>
      </p:graphicFrame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53530DAC-EC21-A620-2373-A7634252F40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64DBEAF-E7E6-E8F1-B93D-E604AA2CABB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031FC33-FAA8-FE4A-7921-02DCD055E5C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Titel 1">
            <a:extLst>
              <a:ext uri="{FF2B5EF4-FFF2-40B4-BE49-F238E27FC236}">
                <a16:creationId xmlns:a16="http://schemas.microsoft.com/office/drawing/2014/main" id="{65120B53-42B3-11BB-3115-AD8DABE76AF9}"/>
              </a:ext>
            </a:extLst>
          </p:cNvPr>
          <p:cNvSpPr txBox="1">
            <a:spLocks/>
          </p:cNvSpPr>
          <p:nvPr userDrawn="1"/>
        </p:nvSpPr>
        <p:spPr>
          <a:xfrm>
            <a:off x="719138" y="719138"/>
            <a:ext cx="10748962" cy="1344881"/>
          </a:xfrm>
          <a:prstGeom prst="rect">
            <a:avLst/>
          </a:prstGeom>
        </p:spPr>
        <p:txBody>
          <a:bodyPr lIns="0" tIns="0" rIns="0" bIns="0"/>
          <a:lstStyle>
            <a:lvl1pPr algn="l" defTabSz="914400" rtl="0" eaLnBrk="1" latinLnBrk="0" hangingPunct="1">
              <a:lnSpc>
                <a:spcPct val="93000"/>
              </a:lnSpc>
              <a:spcBef>
                <a:spcPct val="0"/>
              </a:spcBef>
              <a:buNone/>
              <a:defRPr sz="40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Guide – slet dette og det efterfølgende slide før du holder dit oplæg</a:t>
            </a:r>
            <a:endParaRPr lang="da-DK"/>
          </a:p>
        </p:txBody>
      </p:sp>
      <p:pic>
        <p:nvPicPr>
          <p:cNvPr id="7" name="Billede 7">
            <a:extLst>
              <a:ext uri="{FF2B5EF4-FFF2-40B4-BE49-F238E27FC236}">
                <a16:creationId xmlns:a16="http://schemas.microsoft.com/office/drawing/2014/main" id="{1EB3AB4F-E5F0-8124-B086-45B390D38FA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96333" y="2111434"/>
            <a:ext cx="499382" cy="821899"/>
          </a:xfrm>
          <a:prstGeom prst="rect">
            <a:avLst/>
          </a:prstGeom>
        </p:spPr>
      </p:pic>
      <p:pic>
        <p:nvPicPr>
          <p:cNvPr id="8" name="Billede 8">
            <a:extLst>
              <a:ext uri="{FF2B5EF4-FFF2-40B4-BE49-F238E27FC236}">
                <a16:creationId xmlns:a16="http://schemas.microsoft.com/office/drawing/2014/main" id="{868C10B4-D20E-D31C-1B59-1E5EBD32554D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986994" y="3675456"/>
            <a:ext cx="991376" cy="938438"/>
          </a:xfrm>
          <a:prstGeom prst="rect">
            <a:avLst/>
          </a:prstGeom>
        </p:spPr>
      </p:pic>
      <p:pic>
        <p:nvPicPr>
          <p:cNvPr id="9" name="Billede 12">
            <a:extLst>
              <a:ext uri="{FF2B5EF4-FFF2-40B4-BE49-F238E27FC236}">
                <a16:creationId xmlns:a16="http://schemas.microsoft.com/office/drawing/2014/main" id="{6CB12D9D-CDD4-FCF6-16CE-56DA5B4B9B9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224337" y="2065630"/>
            <a:ext cx="1611563" cy="838670"/>
          </a:xfrm>
          <a:prstGeom prst="rect">
            <a:avLst/>
          </a:prstGeom>
        </p:spPr>
      </p:pic>
      <p:graphicFrame>
        <p:nvGraphicFramePr>
          <p:cNvPr id="10" name="Tabel 14">
            <a:extLst>
              <a:ext uri="{FF2B5EF4-FFF2-40B4-BE49-F238E27FC236}">
                <a16:creationId xmlns:a16="http://schemas.microsoft.com/office/drawing/2014/main" id="{D31F480A-7821-C5EC-351F-6A673786C9AC}"/>
              </a:ext>
            </a:extLst>
          </p:cNvPr>
          <p:cNvGraphicFramePr>
            <a:graphicFrameLocks/>
          </p:cNvGraphicFramePr>
          <p:nvPr userDrawn="1">
            <p:extLst>
              <p:ext uri="{D42A27DB-BD31-4B8C-83A1-F6EECF244321}">
                <p14:modId xmlns:p14="http://schemas.microsoft.com/office/powerpoint/2010/main" val="2450802493"/>
              </p:ext>
            </p:extLst>
          </p:nvPr>
        </p:nvGraphicFramePr>
        <p:xfrm>
          <a:off x="8067292" y="2015286"/>
          <a:ext cx="3843420" cy="4641719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2815675">
                  <a:extLst>
                    <a:ext uri="{9D8B030D-6E8A-4147-A177-3AD203B41FA5}">
                      <a16:colId xmlns:a16="http://schemas.microsoft.com/office/drawing/2014/main" val="1363578023"/>
                    </a:ext>
                  </a:extLst>
                </a:gridCol>
                <a:gridCol w="1027745">
                  <a:extLst>
                    <a:ext uri="{9D8B030D-6E8A-4147-A177-3AD203B41FA5}">
                      <a16:colId xmlns:a16="http://schemas.microsoft.com/office/drawing/2014/main" val="149929034"/>
                    </a:ext>
                  </a:extLst>
                </a:gridCol>
              </a:tblGrid>
              <a:tr h="1631228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ABELLER &amp; DIAGRAMMER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/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Indsæt eller tilpas design på dit diagram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og tabel fra fanebladet BUVM.</a:t>
                      </a:r>
                      <a:endParaRPr lang="da-DK"/>
                    </a:p>
                    <a:p>
                      <a:pPr marL="0" lvl="0" indent="0">
                        <a:buNone/>
                      </a:pPr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da-DK" sz="1800" dirty="0">
                        <a:solidFill>
                          <a:schemeClr val="tx1"/>
                        </a:solidFill>
                      </a:endParaRPr>
                    </a:p>
                  </a:txBody>
                  <a:tcPr marL="92705" marR="92705" marT="46352" marB="46352"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3003524"/>
                  </a:ext>
                </a:extLst>
              </a:tr>
              <a:tr h="1446296">
                <a:tc>
                  <a:txBody>
                    <a:bodyPr/>
                    <a:lstStyle/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2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YPOGRAFI</a:t>
                      </a:r>
                      <a:r>
                        <a:rPr lang="da-DK" sz="5400" b="1" dirty="0">
                          <a:solidFill>
                            <a:srgbClr val="000000"/>
                          </a:solidFill>
                        </a:rPr>
                        <a:t/>
                      </a:r>
                      <a:br>
                        <a:rPr lang="da-DK" sz="5400" b="1" dirty="0">
                          <a:solidFill>
                            <a:srgbClr val="000000"/>
                          </a:solidFill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typografien Segoe UI i dine slides. 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AB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for at gå frem i tekst-niveau.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Brug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SHIFT+TAB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 at gå tilbage i </a:t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tekst-niveau.</a:t>
                      </a:r>
                      <a:endParaRPr lang="da-DK"/>
                    </a:p>
                    <a:p>
                      <a:pPr marL="0" lvl="0" indent="0" algn="l" defTabSz="914400" rtl="0" eaLnBrk="1" latinLnBrk="0" hangingPunct="1">
                        <a:lnSpc>
                          <a:spcPct val="100000"/>
                        </a:lnSpc>
                        <a:spcBef>
                          <a:spcPts val="600"/>
                        </a:spcBef>
                        <a:buClrTx/>
                        <a:buFont typeface="Segoe UI" panose="020B0502040204020203" pitchFamily="34" charset="0"/>
                        <a:buNone/>
                      </a:pP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Alternativt kan </a:t>
                      </a: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øg og Formindsk </a:t>
                      </a: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/>
                      </a:r>
                      <a:b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0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listeniveau bruges.</a:t>
                      </a:r>
                      <a:endParaRPr lang="da-DK"/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800" dirty="0"/>
                    </a:p>
                  </a:txBody>
                  <a:tcPr marL="92705" marR="92705" marT="46352" marB="46352"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276896904"/>
                  </a:ext>
                </a:extLst>
              </a:tr>
              <a:tr h="1564195">
                <a:tc>
                  <a:txBody>
                    <a:bodyPr/>
                    <a:lstStyle/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sz="1000" b="0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2705" marR="92705" marT="46352" marB="46352">
                    <a:lnL w="6350" cap="flat" cmpd="sng" algn="ctr">
                      <a:noFill/>
                      <a:prstDash val="solid"/>
                      <a:miter lim="800000"/>
                    </a:lnL>
                    <a:lnR>
                      <a:noFill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da-DK" sz="1800" dirty="0"/>
                    </a:p>
                  </a:txBody>
                  <a:tcPr marL="92705" marR="92705" marT="46352" marB="46352">
                    <a:lnL>
                      <a:noFill/>
                    </a:lnL>
                    <a:lnR w="6350" cap="flat" cmpd="sng" algn="ctr">
                      <a:noFill/>
                      <a:prstDash val="solid"/>
                      <a:miter lim="800000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953834166"/>
                  </a:ext>
                </a:extLst>
              </a:tr>
            </a:tbl>
          </a:graphicData>
        </a:graphic>
      </p:graphicFrame>
      <p:pic>
        <p:nvPicPr>
          <p:cNvPr id="11" name="Billede 16">
            <a:extLst>
              <a:ext uri="{FF2B5EF4-FFF2-40B4-BE49-F238E27FC236}">
                <a16:creationId xmlns:a16="http://schemas.microsoft.com/office/drawing/2014/main" id="{8B9894E7-6236-6D2A-9EF9-383245042D1F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224338" y="3675456"/>
            <a:ext cx="1583138" cy="823877"/>
          </a:xfrm>
          <a:prstGeom prst="rect">
            <a:avLst/>
          </a:prstGeom>
        </p:spPr>
      </p:pic>
      <p:pic>
        <p:nvPicPr>
          <p:cNvPr id="12" name="Billede 17">
            <a:extLst>
              <a:ext uri="{FF2B5EF4-FFF2-40B4-BE49-F238E27FC236}">
                <a16:creationId xmlns:a16="http://schemas.microsoft.com/office/drawing/2014/main" id="{120005AE-EF75-DAD6-4225-A3D6B011A0D2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224337" y="5178821"/>
            <a:ext cx="1583138" cy="823877"/>
          </a:xfrm>
          <a:prstGeom prst="rect">
            <a:avLst/>
          </a:prstGeom>
        </p:spPr>
      </p:pic>
      <p:pic>
        <p:nvPicPr>
          <p:cNvPr id="13" name="Billede 21">
            <a:extLst>
              <a:ext uri="{FF2B5EF4-FFF2-40B4-BE49-F238E27FC236}">
                <a16:creationId xmlns:a16="http://schemas.microsoft.com/office/drawing/2014/main" id="{02A7FC7B-BCB1-BC96-9737-F474F188B5CF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10570193" y="4470846"/>
            <a:ext cx="572192" cy="286096"/>
          </a:xfrm>
          <a:prstGeom prst="rect">
            <a:avLst/>
          </a:prstGeom>
        </p:spPr>
      </p:pic>
      <p:pic>
        <p:nvPicPr>
          <p:cNvPr id="14" name="Billede 18">
            <a:extLst>
              <a:ext uri="{FF2B5EF4-FFF2-40B4-BE49-F238E27FC236}">
                <a16:creationId xmlns:a16="http://schemas.microsoft.com/office/drawing/2014/main" id="{7D8917B7-809D-A707-1318-614EF78AF48F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986994" y="5475219"/>
            <a:ext cx="1194920" cy="786452"/>
          </a:xfrm>
          <a:prstGeom prst="rect">
            <a:avLst/>
          </a:prstGeom>
        </p:spPr>
      </p:pic>
      <p:pic>
        <p:nvPicPr>
          <p:cNvPr id="15" name="Billede 19">
            <a:extLst>
              <a:ext uri="{FF2B5EF4-FFF2-40B4-BE49-F238E27FC236}">
                <a16:creationId xmlns:a16="http://schemas.microsoft.com/office/drawing/2014/main" id="{F51FD660-31CB-F26A-73D6-CC3ACA09F7C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l="3703" t="3065" r="9234" b="2422"/>
          <a:stretch/>
        </p:blipFill>
        <p:spPr>
          <a:xfrm>
            <a:off x="10570193" y="2055042"/>
            <a:ext cx="912159" cy="1464982"/>
          </a:xfrm>
          <a:prstGeom prst="rect">
            <a:avLst/>
          </a:prstGeom>
        </p:spPr>
      </p:pic>
      <p:pic>
        <p:nvPicPr>
          <p:cNvPr id="16" name="Billede 20">
            <a:extLst>
              <a:ext uri="{FF2B5EF4-FFF2-40B4-BE49-F238E27FC236}">
                <a16:creationId xmlns:a16="http://schemas.microsoft.com/office/drawing/2014/main" id="{97634FFE-4782-7D01-EF9E-6F7E54B2924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8634" b="2502"/>
          <a:stretch/>
        </p:blipFill>
        <p:spPr>
          <a:xfrm>
            <a:off x="8107048" y="2610269"/>
            <a:ext cx="701686" cy="646127"/>
          </a:xfrm>
          <a:prstGeom prst="rect">
            <a:avLst/>
          </a:prstGeom>
        </p:spPr>
      </p:pic>
      <p:pic>
        <p:nvPicPr>
          <p:cNvPr id="19" name="Billede 12">
            <a:extLst>
              <a:ext uri="{FF2B5EF4-FFF2-40B4-BE49-F238E27FC236}">
                <a16:creationId xmlns:a16="http://schemas.microsoft.com/office/drawing/2014/main" id="{E4D1A555-FAA5-BEF4-4FF3-327209281E33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195912" y="2055042"/>
            <a:ext cx="1611563" cy="8386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24771635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ksempel på fors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3E5E3357-21D6-9C08-E603-AA233BD29A3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4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C21BA71A-F069-B212-232F-4ABB6775A81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9A7F9CF9-1022-CF80-659B-1EACC5D850F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1716821E-E4A4-FBD8-1516-5088ADAA1D90}"/>
              </a:ext>
            </a:extLst>
          </p:cNvPr>
          <p:cNvSpPr txBox="1">
            <a:spLocks/>
          </p:cNvSpPr>
          <p:nvPr userDrawn="1"/>
        </p:nvSpPr>
        <p:spPr>
          <a:xfrm>
            <a:off x="719138" y="719138"/>
            <a:ext cx="10748962" cy="1107292"/>
          </a:xfrm>
          <a:prstGeom prst="rect">
            <a:avLst/>
          </a:prstGeom>
        </p:spPr>
        <p:txBody>
          <a:bodyPr lIns="0" tIns="0" rIns="0" bIns="0"/>
          <a:lstStyle>
            <a:lvl1pPr algn="l" defTabSz="914400" rtl="0" eaLnBrk="1" latinLnBrk="0" hangingPunct="1">
              <a:lnSpc>
                <a:spcPct val="93000"/>
              </a:lnSpc>
              <a:spcBef>
                <a:spcPct val="0"/>
              </a:spcBef>
              <a:buNone/>
              <a:defRPr sz="40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/>
              <a:t>Eksempler på forsider</a:t>
            </a:r>
            <a:endParaRPr lang="da-DK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D54A727E-8752-4196-4817-44EC1E933534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0000" y="2015160"/>
            <a:ext cx="3426920" cy="4177406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53008C22-04FE-5DA4-3D9E-2AB647365997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81200" y="2015160"/>
            <a:ext cx="3427200" cy="4177747"/>
          </a:xfrm>
          <a:prstGeom prst="rect">
            <a:avLst/>
          </a:prstGeom>
        </p:spPr>
      </p:pic>
      <p:pic>
        <p:nvPicPr>
          <p:cNvPr id="12" name="Billede 13">
            <a:extLst>
              <a:ext uri="{FF2B5EF4-FFF2-40B4-BE49-F238E27FC236}">
                <a16:creationId xmlns:a16="http://schemas.microsoft.com/office/drawing/2014/main" id="{0B992C14-CD22-51F5-C57D-C2CD475D91E4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49751" y="2015161"/>
            <a:ext cx="3426919" cy="4177406"/>
          </a:xfrm>
          <a:prstGeom prst="rect">
            <a:avLst/>
          </a:prstGeom>
        </p:spPr>
      </p:pic>
      <p:graphicFrame>
        <p:nvGraphicFramePr>
          <p:cNvPr id="13" name="Tabel 15">
            <a:extLst>
              <a:ext uri="{FF2B5EF4-FFF2-40B4-BE49-F238E27FC236}">
                <a16:creationId xmlns:a16="http://schemas.microsoft.com/office/drawing/2014/main" id="{7E5BBFBD-4049-40C0-CF07-B18E57E6D042}"/>
              </a:ext>
            </a:extLst>
          </p:cNvPr>
          <p:cNvGraphicFramePr>
            <a:graphicFrameLocks noGrp="1" noDrilldown="1" noMove="1" noResize="1"/>
          </p:cNvGraphicFramePr>
          <p:nvPr userDrawn="1">
            <p:extLst>
              <p:ext uri="{D42A27DB-BD31-4B8C-83A1-F6EECF244321}">
                <p14:modId xmlns:p14="http://schemas.microsoft.com/office/powerpoint/2010/main" val="3394728161"/>
              </p:ext>
            </p:extLst>
          </p:nvPr>
        </p:nvGraphicFramePr>
        <p:xfrm>
          <a:off x="7981949" y="1418408"/>
          <a:ext cx="3489325" cy="1005840"/>
        </p:xfrm>
        <a:graphic>
          <a:graphicData uri="http://schemas.openxmlformats.org/drawingml/2006/table">
            <a:tbl>
              <a:tblPr/>
              <a:tblGrid>
                <a:gridCol w="3489325">
                  <a:extLst>
                    <a:ext uri="{9D8B030D-6E8A-4147-A177-3AD203B41FA5}">
                      <a16:colId xmlns:a16="http://schemas.microsoft.com/office/drawing/2014/main" val="215304301"/>
                    </a:ext>
                  </a:extLst>
                </a:gridCol>
              </a:tblGrid>
              <a:tr h="65115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9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sider STUK </a:t>
                      </a:r>
                      <a:br>
                        <a:rPr lang="da-DK" sz="19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Grønne farver, STUK-logo og valgfri rød streg</a:t>
                      </a:r>
                      <a:endParaRPr lang="da-DK"/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900" b="1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dirty="0"/>
                    </a:p>
                  </a:txBody>
                  <a:tcPr marL="0" marR="0" marT="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94350337"/>
                  </a:ext>
                </a:extLst>
              </a:tr>
            </a:tbl>
          </a:graphicData>
        </a:graphic>
      </p:graphicFrame>
      <p:sp>
        <p:nvSpPr>
          <p:cNvPr id="14" name="Rektangel 28">
            <a:extLst>
              <a:ext uri="{FF2B5EF4-FFF2-40B4-BE49-F238E27FC236}">
                <a16:creationId xmlns:a16="http://schemas.microsoft.com/office/drawing/2014/main" id="{54CC87D4-DB1F-5D38-FE35-1A057BE1A1A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349750" y="1418408"/>
            <a:ext cx="3487738" cy="707886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 lvl="0">
              <a:defRPr/>
            </a:pPr>
            <a:r>
              <a:rPr lang="da-DK" b="1" dirty="0">
                <a:solidFill>
                  <a:srgbClr val="000000"/>
                </a:solidFill>
              </a:rPr>
              <a:t>Forsider STIL</a:t>
            </a:r>
            <a:endParaRPr lang="da-DK"/>
          </a:p>
          <a:p>
            <a:r>
              <a:rPr lang="da-DK" sz="1000" b="1" dirty="0">
                <a:solidFill>
                  <a:srgbClr val="000000"/>
                </a:solidFill>
              </a:rPr>
              <a:t>Grønne farver, STIL-logo og valgfri blå streg</a:t>
            </a:r>
            <a:endParaRPr lang="da-DK"/>
          </a:p>
          <a:p>
            <a:endParaRPr lang="da-DK" dirty="0"/>
          </a:p>
        </p:txBody>
      </p:sp>
      <p:graphicFrame>
        <p:nvGraphicFramePr>
          <p:cNvPr id="15" name="Tabel 29">
            <a:extLst>
              <a:ext uri="{FF2B5EF4-FFF2-40B4-BE49-F238E27FC236}">
                <a16:creationId xmlns:a16="http://schemas.microsoft.com/office/drawing/2014/main" id="{4F7BB8FB-72E0-1857-68B0-74A7242302BA}"/>
              </a:ext>
            </a:extLst>
          </p:cNvPr>
          <p:cNvGraphicFramePr>
            <a:graphicFrameLocks noGrp="1" noDrilldown="1" noMove="1" noResize="1"/>
          </p:cNvGraphicFramePr>
          <p:nvPr userDrawn="1">
            <p:extLst>
              <p:ext uri="{D42A27DB-BD31-4B8C-83A1-F6EECF244321}">
                <p14:modId xmlns:p14="http://schemas.microsoft.com/office/powerpoint/2010/main" val="2158444187"/>
              </p:ext>
            </p:extLst>
          </p:nvPr>
        </p:nvGraphicFramePr>
        <p:xfrm>
          <a:off x="719138" y="1418408"/>
          <a:ext cx="3498497" cy="716280"/>
        </p:xfrm>
        <a:graphic>
          <a:graphicData uri="http://schemas.openxmlformats.org/drawingml/2006/table">
            <a:tbl>
              <a:tblPr/>
              <a:tblGrid>
                <a:gridCol w="3498497">
                  <a:extLst>
                    <a:ext uri="{9D8B030D-6E8A-4147-A177-3AD203B41FA5}">
                      <a16:colId xmlns:a16="http://schemas.microsoft.com/office/drawing/2014/main" val="215304301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9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Forsider DEPT</a:t>
                      </a:r>
                      <a:br>
                        <a:rPr lang="da-DK" sz="19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r>
                        <a:rPr lang="da-DK" sz="1000" b="1" kern="120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Grønne</a:t>
                      </a:r>
                      <a:r>
                        <a:rPr lang="da-DK" sz="1000" b="1" kern="1200" baseline="0" dirty="0">
                          <a:solidFill>
                            <a:srgbClr val="000000"/>
                          </a:solidFill>
                          <a:latin typeface="+mn-lt"/>
                          <a:ea typeface="+mn-ea"/>
                          <a:cs typeface="+mn-cs"/>
                        </a:rPr>
                        <a:t> farver og DEPT-logo </a:t>
                      </a:r>
                      <a:endParaRPr lang="da-DK" sz="1000" b="1" kern="1200" dirty="0">
                        <a:solidFill>
                          <a:srgbClr val="000000"/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da-DK" dirty="0"/>
                    </a:p>
                  </a:txBody>
                  <a:tcPr marL="0" marR="0" marT="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94350337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4388246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2650" userDrawn="1">
          <p15:clr>
            <a:srgbClr val="A4A3A4"/>
          </p15:clr>
        </p15:guide>
        <p15:guide id="5" pos="2740" userDrawn="1">
          <p15:clr>
            <a:srgbClr val="A4A3A4"/>
          </p15:clr>
        </p15:guide>
        <p15:guide id="6" pos="4937" userDrawn="1">
          <p15:clr>
            <a:srgbClr val="A4A3A4"/>
          </p15:clr>
        </p15:guide>
        <p15:guide id="7" pos="5028" userDrawn="1">
          <p15:clr>
            <a:srgbClr val="A4A3A4"/>
          </p15:clr>
        </p15:guide>
        <p15:guide id="8" orient="horz" pos="1265" userDrawn="1">
          <p15:clr>
            <a:srgbClr val="A4A3A4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-1" y="0"/>
            <a:ext cx="711058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7113600" y="0"/>
            <a:ext cx="144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95363446-EB64-4DBB-D623-B4B83D729E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2235969"/>
            <a:ext cx="5673725" cy="1290274"/>
          </a:xfrm>
        </p:spPr>
        <p:txBody>
          <a:bodyPr anchor="b" anchorCtr="0"/>
          <a:lstStyle>
            <a:lvl1pPr>
              <a:lnSpc>
                <a:spcPct val="93000"/>
              </a:lnSpc>
              <a:defRPr sz="4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19999" y="3723361"/>
            <a:ext cx="5672863" cy="1891241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sz="15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7" name="Date" descr="{&quot;templafy&quot;:{&quot;id&quot;:&quot;dfec5e04-e9f7-44ab-b58b-66037a0593ff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4991100" y="6400801"/>
            <a:ext cx="1394100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69F2E09-5C29-4885-BDD5-BB12CC9148D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7257600" y="0"/>
            <a:ext cx="4939200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pic>
        <p:nvPicPr>
          <p:cNvPr id="229174316" name="logo" descr="{&quot;templafy&quot;:{&quot;id&quot;:&quot;7feff485-5189-4227-8e1d-f8302d69975a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57213" y="720000"/>
            <a:ext cx="2203500" cy="655200"/>
          </a:xfrm>
          <a:prstGeom prst="rect">
            <a:avLst/>
          </a:prstGeom>
        </p:spPr>
      </p:pic>
      <p:sp>
        <p:nvSpPr>
          <p:cNvPr id="2" name="Name" descr="{&quot;templafy&quot;:{&quot;id&quot;:&quot;f25b5bce-cd69-42f1-ad31-e7259f27fa35&quot;}}">
            <a:extLst>
              <a:ext uri="{FF2B5EF4-FFF2-40B4-BE49-F238E27FC236}">
                <a16:creationId xmlns:a16="http://schemas.microsoft.com/office/drawing/2014/main" id="{02BB8C89-9CCB-A9F2-87FD-3979F34DBFD3}"/>
              </a:ext>
            </a:extLst>
          </p:cNvPr>
          <p:cNvSpPr/>
          <p:nvPr userDrawn="1"/>
        </p:nvSpPr>
        <p:spPr>
          <a:xfrm>
            <a:off x="720000" y="6400801"/>
            <a:ext cx="4268079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thilde Enghave Friis</a:t>
            </a:r>
          </a:p>
        </p:txBody>
      </p:sp>
    </p:spTree>
    <p:extLst>
      <p:ext uri="{BB962C8B-B14F-4D97-AF65-F5344CB8AC3E}">
        <p14:creationId xmlns:p14="http://schemas.microsoft.com/office/powerpoint/2010/main" val="26602292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027" userDrawn="1">
          <p15:clr>
            <a:srgbClr val="A4A3A4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E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7113776" y="0"/>
            <a:ext cx="5078224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12048000" y="0"/>
            <a:ext cx="1476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CC779C68-2C96-7ABE-EA85-48017892F51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833599" y="1674919"/>
            <a:ext cx="3637675" cy="1891241"/>
          </a:xfrm>
        </p:spPr>
        <p:txBody>
          <a:bodyPr anchor="b" anchorCtr="0"/>
          <a:lstStyle>
            <a:lvl1pPr>
              <a:lnSpc>
                <a:spcPct val="95000"/>
              </a:lnSpc>
              <a:defRPr sz="4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833600" y="3723361"/>
            <a:ext cx="3637675" cy="1891241"/>
          </a:xfrm>
        </p:spPr>
        <p:txBody>
          <a:bodyPr lIns="0"/>
          <a:lstStyle>
            <a:lvl1pPr marL="0" indent="0" algn="l">
              <a:spcBef>
                <a:spcPts val="0"/>
              </a:spcBef>
              <a:buNone/>
              <a:defRPr sz="15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7" name="Date" descr="{&quot;templafy&quot;:{&quot;id&quot;:&quot;1c4e52f7-a353-4629-a509-c9520111a868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10077175" y="6400801"/>
            <a:ext cx="1394100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4AAD818-E4AC-42DF-ABA3-4B9DD200DC6C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2" y="0"/>
            <a:ext cx="7113600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/Billeder</a:t>
            </a:r>
            <a:endParaRPr lang="da-DK"/>
          </a:p>
        </p:txBody>
      </p:sp>
      <p:pic>
        <p:nvPicPr>
          <p:cNvPr id="132466230" name="logo" descr="{&quot;templafy&quot;:{&quot;id&quot;:&quot;34ee0efe-db21-47cc-91da-50e616662e83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7689600" y="720000"/>
            <a:ext cx="2203500" cy="655200"/>
          </a:xfrm>
          <a:prstGeom prst="rect">
            <a:avLst/>
          </a:prstGeom>
        </p:spPr>
      </p:pic>
      <p:sp>
        <p:nvSpPr>
          <p:cNvPr id="2" name="Name" descr="{&quot;templafy&quot;:{&quot;id&quot;:&quot;7449eff0-ca76-4534-b9e2-6f7216a0d8cb&quot;}}">
            <a:extLst>
              <a:ext uri="{FF2B5EF4-FFF2-40B4-BE49-F238E27FC236}">
                <a16:creationId xmlns:a16="http://schemas.microsoft.com/office/drawing/2014/main" id="{17284902-2A4B-113D-8DA5-670E19E8D621}"/>
              </a:ext>
            </a:extLst>
          </p:cNvPr>
          <p:cNvSpPr/>
          <p:nvPr userDrawn="1"/>
        </p:nvSpPr>
        <p:spPr>
          <a:xfrm>
            <a:off x="7833599" y="6400801"/>
            <a:ext cx="2239976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thilde Enghave Friis</a:t>
            </a:r>
          </a:p>
        </p:txBody>
      </p:sp>
    </p:spTree>
    <p:extLst>
      <p:ext uri="{BB962C8B-B14F-4D97-AF65-F5344CB8AC3E}">
        <p14:creationId xmlns:p14="http://schemas.microsoft.com/office/powerpoint/2010/main" val="380348858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934" userDrawn="1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F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7113776" y="0"/>
            <a:ext cx="5078224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12048000" y="0"/>
            <a:ext cx="1476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0B0C7C12-E356-9CE7-C483-DCDCDC4A3F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833599" y="1674919"/>
            <a:ext cx="3637675" cy="1891241"/>
          </a:xfrm>
        </p:spPr>
        <p:txBody>
          <a:bodyPr anchor="b" anchorCtr="0"/>
          <a:lstStyle>
            <a:lvl1pPr>
              <a:lnSpc>
                <a:spcPct val="95000"/>
              </a:lnSpc>
              <a:defRPr sz="4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833600" y="3723361"/>
            <a:ext cx="3637674" cy="1891241"/>
          </a:xfrm>
        </p:spPr>
        <p:txBody>
          <a:bodyPr lIns="18000"/>
          <a:lstStyle>
            <a:lvl1pPr marL="0" indent="0" algn="l">
              <a:spcBef>
                <a:spcPts val="0"/>
              </a:spcBef>
              <a:buNone/>
              <a:defRPr sz="15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0070F66-CF73-49C3-8D50-21B8D94A1B0D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icture Placeholder 7">
            <a:extLst>
              <a:ext uri="{FF2B5EF4-FFF2-40B4-BE49-F238E27FC236}">
                <a16:creationId xmlns:a16="http://schemas.microsoft.com/office/drawing/2014/main" id="{3A5C9677-C5D8-E8C9-7DD9-FFA843C763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0"/>
            <a:ext cx="7113777" cy="68616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og indsæt billede via Templafy Images/Billeder</a:t>
            </a:r>
            <a:endParaRPr lang="da-DK"/>
          </a:p>
        </p:txBody>
      </p:sp>
      <p:pic>
        <p:nvPicPr>
          <p:cNvPr id="1419464036" name="logo" descr="{&quot;templafy&quot;:{&quot;id&quot;:&quot;49c3dd1c-3532-455f-a187-709b4c007673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7689600" y="720000"/>
            <a:ext cx="2203500" cy="655200"/>
          </a:xfrm>
          <a:prstGeom prst="rect">
            <a:avLst/>
          </a:prstGeom>
        </p:spPr>
      </p:pic>
      <p:sp>
        <p:nvSpPr>
          <p:cNvPr id="2" name="Date" descr="{&quot;templafy&quot;:{&quot;id&quot;:&quot;afb012de-6548-464e-8440-bd3d5f72b492&quot;}}">
            <a:extLst>
              <a:ext uri="{FF2B5EF4-FFF2-40B4-BE49-F238E27FC236}">
                <a16:creationId xmlns:a16="http://schemas.microsoft.com/office/drawing/2014/main" id="{5D17548A-3F1C-C537-9A11-94E056EA4672}"/>
              </a:ext>
            </a:extLst>
          </p:cNvPr>
          <p:cNvSpPr txBox="1">
            <a:spLocks/>
          </p:cNvSpPr>
          <p:nvPr userDrawn="1"/>
        </p:nvSpPr>
        <p:spPr>
          <a:xfrm>
            <a:off x="10077175" y="6400801"/>
            <a:ext cx="1394100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6" name="Name" descr="{&quot;templafy&quot;:{&quot;id&quot;:&quot;52db2a01-3131-4b2c-bf1a-f22ff86230d1&quot;}}">
            <a:extLst>
              <a:ext uri="{FF2B5EF4-FFF2-40B4-BE49-F238E27FC236}">
                <a16:creationId xmlns:a16="http://schemas.microsoft.com/office/drawing/2014/main" id="{F5852ED3-3D05-34ED-B756-D3680A5A4578}"/>
              </a:ext>
            </a:extLst>
          </p:cNvPr>
          <p:cNvSpPr/>
          <p:nvPr userDrawn="1"/>
        </p:nvSpPr>
        <p:spPr>
          <a:xfrm>
            <a:off x="7833599" y="6400801"/>
            <a:ext cx="2239976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thilde Enghave Friis</a:t>
            </a:r>
          </a:p>
        </p:txBody>
      </p:sp>
    </p:spTree>
    <p:extLst>
      <p:ext uri="{BB962C8B-B14F-4D97-AF65-F5344CB8AC3E}">
        <p14:creationId xmlns:p14="http://schemas.microsoft.com/office/powerpoint/2010/main" val="280419238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481" userDrawn="1">
          <p15:clr>
            <a:srgbClr val="A4A3A4"/>
          </p15:clr>
        </p15:guide>
        <p15:guide id="2" pos="4934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G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Baggrund">
            <a:extLst>
              <a:ext uri="{FF2B5EF4-FFF2-40B4-BE49-F238E27FC236}">
                <a16:creationId xmlns:a16="http://schemas.microsoft.com/office/drawing/2014/main" id="{A203E482-3CDF-036F-0708-4D0C3DF71AE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Picture Placeholder 7">
            <a:extLst>
              <a:ext uri="{FF2B5EF4-FFF2-40B4-BE49-F238E27FC236}">
                <a16:creationId xmlns:a16="http://schemas.microsoft.com/office/drawing/2014/main" id="{108BECB9-D972-9829-978C-B168305D223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2" y="0"/>
            <a:ext cx="12048002" cy="6861600"/>
          </a:xfrm>
          <a:solidFill>
            <a:schemeClr val="tx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og indsæt billede via Templafy Images/Billeder</a:t>
            </a:r>
            <a:endParaRPr lang="da-DK"/>
          </a:p>
        </p:txBody>
      </p:sp>
      <p:sp>
        <p:nvSpPr>
          <p:cNvPr id="14" name="Element">
            <a:extLst>
              <a:ext uri="{FF2B5EF4-FFF2-40B4-BE49-F238E27FC236}">
                <a16:creationId xmlns:a16="http://schemas.microsoft.com/office/drawing/2014/main" id="{A3EBDC23-28DE-DCE6-C444-B9DBC477A2BF}"/>
              </a:ext>
            </a:extLst>
          </p:cNvPr>
          <p:cNvSpPr/>
          <p:nvPr userDrawn="1"/>
        </p:nvSpPr>
        <p:spPr>
          <a:xfrm>
            <a:off x="12048000" y="0"/>
            <a:ext cx="151200" cy="68616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5" name="Undertitel 2">
            <a:extLst>
              <a:ext uri="{FF2B5EF4-FFF2-40B4-BE49-F238E27FC236}">
                <a16:creationId xmlns:a16="http://schemas.microsoft.com/office/drawing/2014/main" id="{A2C4460D-8385-F0CA-52D1-477ED42750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4316774"/>
            <a:ext cx="8335100" cy="1271824"/>
          </a:xfrm>
        </p:spPr>
        <p:txBody>
          <a:bodyPr/>
          <a:lstStyle>
            <a:lvl1pPr marL="0" indent="0" algn="l">
              <a:spcBef>
                <a:spcPts val="0"/>
              </a:spcBef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dirty="0"/>
              <a:t>Klik for at tilføje underoverskrift</a:t>
            </a:r>
            <a:endParaRPr lang="da-DK"/>
          </a:p>
        </p:txBody>
      </p:sp>
      <p:sp>
        <p:nvSpPr>
          <p:cNvPr id="16" name="Name" descr="{&quot;templafy&quot;:{&quot;id&quot;:&quot;bbf8561f-0acb-4f9f-8822-d06435f90e4b&quot;}}">
            <a:extLst>
              <a:ext uri="{FF2B5EF4-FFF2-40B4-BE49-F238E27FC236}">
                <a16:creationId xmlns:a16="http://schemas.microsoft.com/office/drawing/2014/main" id="{4B3973E0-755F-84BD-3093-F5A14B55E327}"/>
              </a:ext>
            </a:extLst>
          </p:cNvPr>
          <p:cNvSpPr/>
          <p:nvPr userDrawn="1"/>
        </p:nvSpPr>
        <p:spPr>
          <a:xfrm>
            <a:off x="720000" y="6400801"/>
            <a:ext cx="8335100" cy="45676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800" noProof="0" dirty="0">
                <a:solidFill>
                  <a:schemeClr val="tx1"/>
                </a:solidFill>
              </a:rPr>
              <a:t>Mathilde Enghave Friis</a:t>
            </a:r>
          </a:p>
        </p:txBody>
      </p:sp>
      <p:sp>
        <p:nvSpPr>
          <p:cNvPr id="17" name="Date" descr="{&quot;templafy&quot;:{&quot;id&quot;:&quot;32c3e0a8-d687-4821-bc2a-08ed5a25f3b5&quot;}}">
            <a:extLst>
              <a:ext uri="{FF2B5EF4-FFF2-40B4-BE49-F238E27FC236}">
                <a16:creationId xmlns:a16="http://schemas.microsoft.com/office/drawing/2014/main" id="{F8A29FD4-5861-BFB7-CFEF-AA583885432E}"/>
              </a:ext>
            </a:extLst>
          </p:cNvPr>
          <p:cNvSpPr txBox="1">
            <a:spLocks/>
          </p:cNvSpPr>
          <p:nvPr userDrawn="1"/>
        </p:nvSpPr>
        <p:spPr>
          <a:xfrm>
            <a:off x="9982201" y="6400801"/>
            <a:ext cx="1489074" cy="456769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800" dirty="0">
              <a:solidFill>
                <a:schemeClr val="tx1"/>
              </a:solidFill>
            </a:endParaRPr>
          </a:p>
        </p:txBody>
      </p:sp>
      <p:sp>
        <p:nvSpPr>
          <p:cNvPr id="19" name="Pladsholder til dato 18">
            <a:extLst>
              <a:ext uri="{FF2B5EF4-FFF2-40B4-BE49-F238E27FC236}">
                <a16:creationId xmlns:a16="http://schemas.microsoft.com/office/drawing/2014/main" id="{E1C7A997-9C61-52E8-AF73-2D101C9C4F0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DC81486-0C06-4A53-8CD5-AA6A1048FA3A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20" name="Pladsholder til sidefod 19">
            <a:extLst>
              <a:ext uri="{FF2B5EF4-FFF2-40B4-BE49-F238E27FC236}">
                <a16:creationId xmlns:a16="http://schemas.microsoft.com/office/drawing/2014/main" id="{B29DFCC8-1FAD-4EF3-6CE5-8FC78C9875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1" name="Pladsholder til slidenummer 20">
            <a:extLst>
              <a:ext uri="{FF2B5EF4-FFF2-40B4-BE49-F238E27FC236}">
                <a16:creationId xmlns:a16="http://schemas.microsoft.com/office/drawing/2014/main" id="{DC846313-DA26-0FA1-DF3C-B4A7331D6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702860340" name="logo" descr="{&quot;templafy&quot;:{&quot;id&quot;:&quot;79625cb5-7122-430a-b074-3d74bead631e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57213" y="720000"/>
            <a:ext cx="2203500" cy="655200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6CE676AB-A231-D45D-FBAD-299A430F0F4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2231938"/>
            <a:ext cx="8335100" cy="1778909"/>
          </a:xfrm>
        </p:spPr>
        <p:txBody>
          <a:bodyPr anchor="b" anchorCtr="0"/>
          <a:lstStyle>
            <a:lvl1pPr>
              <a:lnSpc>
                <a:spcPct val="90000"/>
              </a:lnSpc>
              <a:defRPr sz="6000"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93697723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Et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FD3B0B8-21F0-341F-784C-942BAECF56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lnSpc>
                <a:spcPct val="93000"/>
              </a:lnSpc>
              <a:defRPr/>
            </a:lvl1pPr>
          </a:lstStyle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2993A456-B0DA-6E37-E7F7-78B31B62B6DB}"/>
              </a:ext>
            </a:extLst>
          </p:cNvPr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                                                                                                                                                                  Brug TAB for at gå frem i tekst-niveau.                                                                                                                                       Brug SHIFT+TAB for at gå tilbage i tekst-niveau.                                                                                                              Alternativt kan Forøge og Formindsk listeniveau bruges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6E7D75E-CAEE-4406-2331-168999558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FE52C076-F90E-75A8-4F73-5E6DDB53DB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DF14AC2F-F82D-B406-9CBA-84C19D34CB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9730862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265" userDrawn="1">
          <p15:clr>
            <a:srgbClr val="A4A3A4"/>
          </p15:clr>
        </p15:guide>
        <p15:guide id="2" orient="horz" pos="410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1">
            <a:extLst>
              <a:ext uri="{FF2B5EF4-FFF2-40B4-BE49-F238E27FC236}">
                <a16:creationId xmlns:a16="http://schemas.microsoft.com/office/drawing/2014/main" id="{A6D4FF46-CE6D-B856-836B-59F03AD92E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7" y="650342"/>
            <a:ext cx="6249987" cy="1149666"/>
          </a:xfrm>
        </p:spPr>
        <p:txBody>
          <a:bodyPr/>
          <a:lstStyle/>
          <a:p>
            <a:r>
              <a:rPr lang="da-DK" dirty="0"/>
              <a:t>Klik for at tilføje titel i maks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20000" y="2008800"/>
            <a:ext cx="5673600" cy="41253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                                                                   Brug TAB for at gå frem i tekst-niveau.                                      Brug SHIFT+TAB for at gå tilbage i tekst-niveau.                     Alternativt kan Forøge og Formindsk listeniveau bruges.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E89401BF-E778-41B0-9410-436DA4388220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13600" y="0"/>
            <a:ext cx="5079600" cy="6858000"/>
          </a:xfrm>
          <a:solidFill>
            <a:schemeClr val="bg1">
              <a:lumMod val="95000"/>
            </a:schemeClr>
          </a:solidFill>
        </p:spPr>
        <p:txBody>
          <a:bodyPr tIns="72000"/>
          <a:lstStyle>
            <a:lvl1pPr marL="0" indent="0" algn="ctr">
              <a:buNone/>
              <a:defRPr sz="1600"/>
            </a:lvl1pPr>
          </a:lstStyle>
          <a:p>
            <a:r>
              <a:rPr lang="da-DK" dirty="0"/>
              <a:t>Klik på rammen og indsæt billede via Templafy Images /Billeder</a:t>
            </a:r>
            <a:endParaRPr lang="da-DK"/>
          </a:p>
        </p:txBody>
      </p:sp>
      <p:sp>
        <p:nvSpPr>
          <p:cNvPr id="8" name="Pladsholder til dato 7">
            <a:extLst>
              <a:ext uri="{FF2B5EF4-FFF2-40B4-BE49-F238E27FC236}">
                <a16:creationId xmlns:a16="http://schemas.microsoft.com/office/drawing/2014/main" id="{C3B3B563-F224-9CFB-2FE8-16FD62C9C2A8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6666F036-CB9B-4745-AAB4-28D8EDF7CDE0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A2B5294C-FE81-7003-740A-D4DE8E74D30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76A5877A-B296-86F1-727D-5E8A0D1A866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834800" y="6399170"/>
            <a:ext cx="558800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550429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027" userDrawn="1">
          <p15:clr>
            <a:srgbClr val="A4A3A4"/>
          </p15:clr>
        </p15:guide>
        <p15:guide id="2" pos="4481" userDrawn="1">
          <p15:clr>
            <a:srgbClr val="A4A3A4"/>
          </p15:clr>
        </p15:guide>
        <p15:guide id="3" orient="horz" pos="1265" userDrawn="1">
          <p15:clr>
            <a:srgbClr val="A4A3A4"/>
          </p15:clr>
        </p15:guide>
        <p15:guide id="4" pos="4390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19138" y="650342"/>
            <a:ext cx="10748962" cy="114966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20000" y="2008800"/>
            <a:ext cx="10749600" cy="4125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                                                                                                                                                                                               Klik ENTER og derefter TAB for at se næste tekstformat                                                                                                                 Klik SHIFT+TAB for at se foregående tekstformat</a:t>
            </a:r>
            <a:endParaRPr lang="da-DK"/>
          </a:p>
          <a:p>
            <a:pPr lvl="1"/>
            <a:r>
              <a:rPr lang="da-DK" noProof="0" dirty="0"/>
              <a:t>Niveau 2</a:t>
            </a:r>
            <a:endParaRPr lang="da-DK"/>
          </a:p>
          <a:p>
            <a:pPr lvl="2"/>
            <a:r>
              <a:rPr lang="da-DK" noProof="0" dirty="0"/>
              <a:t>Niveau 3</a:t>
            </a:r>
            <a:endParaRPr lang="da-DK"/>
          </a:p>
          <a:p>
            <a:pPr lvl="3"/>
            <a:r>
              <a:rPr lang="da-DK" noProof="0" dirty="0"/>
              <a:t>Niveau 4</a:t>
            </a:r>
            <a:endParaRPr lang="da-DK"/>
          </a:p>
          <a:p>
            <a:pPr lvl="4"/>
            <a:r>
              <a:rPr lang="da-DK" noProof="0" dirty="0"/>
              <a:t>Niveau 5, manchet/underoverskrift</a:t>
            </a:r>
            <a:endParaRPr lang="da-DK"/>
          </a:p>
          <a:p>
            <a:pPr lvl="5"/>
            <a:r>
              <a:rPr lang="da-DK" noProof="0" dirty="0"/>
              <a:t>Niveau 6</a:t>
            </a:r>
            <a:endParaRPr lang="da-DK"/>
          </a:p>
          <a:p>
            <a:pPr lvl="6"/>
            <a:r>
              <a:rPr lang="da-DK" noProof="0" dirty="0"/>
              <a:t>Niveau 7</a:t>
            </a:r>
            <a:endParaRPr lang="da-DK"/>
          </a:p>
          <a:p>
            <a:pPr lvl="7"/>
            <a:r>
              <a:rPr lang="da-DK" noProof="0" dirty="0"/>
              <a:t>Niveau 8</a:t>
            </a:r>
            <a:endParaRPr lang="da-DK"/>
          </a:p>
          <a:p>
            <a:pPr lvl="8"/>
            <a:r>
              <a:rPr lang="da-DK" noProof="0" dirty="0"/>
              <a:t>Niveau 9</a:t>
            </a:r>
            <a:endParaRPr lang="da-DK"/>
          </a:p>
        </p:txBody>
      </p:sp>
      <p:sp>
        <p:nvSpPr>
          <p:cNvPr id="4" name="Pladsholder til dato 18"/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noFill/>
              </a:defRPr>
            </a:lvl1pPr>
          </a:lstStyle>
          <a:p>
            <a:fld id="{61B1F00C-AA81-451C-9F2E-28BAD98A005E}" type="datetime1">
              <a:rPr lang="da-DK" smtClean="0"/>
              <a:t>15-08-2024</a:t>
            </a:fld>
            <a:endParaRPr lang="da-DK" dirty="0"/>
          </a:p>
        </p:txBody>
      </p:sp>
      <p:sp>
        <p:nvSpPr>
          <p:cNvPr id="5" name="Pladsholder til sidefod 19"/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909300" y="6399170"/>
            <a:ext cx="558800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5" name="Titel" descr="{&quot;templafy&quot;:{&quot;id&quot;:&quot;ed8a0433-9a8a-4437-9df8-bb09822595fe&quot;}}">
            <a:extLst>
              <a:ext uri="{FF2B5EF4-FFF2-40B4-BE49-F238E27FC236}">
                <a16:creationId xmlns:a16="http://schemas.microsoft.com/office/drawing/2014/main" id="{445AC3AE-1A66-6490-B603-DA0B48681A89}"/>
              </a:ext>
            </a:extLst>
          </p:cNvPr>
          <p:cNvSpPr/>
          <p:nvPr userDrawn="1"/>
        </p:nvSpPr>
        <p:spPr>
          <a:xfrm>
            <a:off x="719138" y="6399170"/>
            <a:ext cx="519906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da-DK" sz="8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46" r:id="rId2"/>
    <p:sldLayoutId id="2147483747" r:id="rId3"/>
    <p:sldLayoutId id="2147483748" r:id="rId4"/>
    <p:sldLayoutId id="2147483749" r:id="rId5"/>
    <p:sldLayoutId id="2147483750" r:id="rId6"/>
    <p:sldLayoutId id="2147483778" r:id="rId7"/>
    <p:sldLayoutId id="2147483751" r:id="rId8"/>
    <p:sldLayoutId id="2147483733" r:id="rId9"/>
    <p:sldLayoutId id="2147483752" r:id="rId10"/>
    <p:sldLayoutId id="2147483755" r:id="rId11"/>
    <p:sldLayoutId id="2147483756" r:id="rId12"/>
    <p:sldLayoutId id="2147483758" r:id="rId13"/>
    <p:sldLayoutId id="2147483759" r:id="rId14"/>
    <p:sldLayoutId id="2147483760" r:id="rId15"/>
    <p:sldLayoutId id="2147483761" r:id="rId16"/>
    <p:sldLayoutId id="2147483762" r:id="rId17"/>
    <p:sldLayoutId id="2147483732" r:id="rId18"/>
    <p:sldLayoutId id="2147483763" r:id="rId19"/>
    <p:sldLayoutId id="2147483764" r:id="rId20"/>
    <p:sldLayoutId id="2147483765" r:id="rId21"/>
    <p:sldLayoutId id="2147483766" r:id="rId22"/>
    <p:sldLayoutId id="2147483768" r:id="rId23"/>
    <p:sldLayoutId id="2147483767" r:id="rId24"/>
    <p:sldLayoutId id="2147483769" r:id="rId25"/>
    <p:sldLayoutId id="2147483770" r:id="rId26"/>
    <p:sldLayoutId id="2147483771" r:id="rId27"/>
    <p:sldLayoutId id="2147483772" r:id="rId28"/>
    <p:sldLayoutId id="2147483773" r:id="rId29"/>
    <p:sldLayoutId id="2147483774" r:id="rId30"/>
    <p:sldLayoutId id="2147483654" r:id="rId31"/>
    <p:sldLayoutId id="2147483655" r:id="rId32"/>
    <p:sldLayoutId id="2147483775" r:id="rId33"/>
    <p:sldLayoutId id="2147483776" r:id="rId34"/>
    <p:sldLayoutId id="2147483779" r:id="rId35"/>
    <p:sldLayoutId id="2147483781" r:id="rId36"/>
  </p:sldLayoutIdLst>
  <p:hf hdr="0" ftr="0" dt="0"/>
  <p:txStyles>
    <p:titleStyle>
      <a:lvl1pPr algn="l" defTabSz="914400" rtl="0" eaLnBrk="1" latinLnBrk="0" hangingPunct="1">
        <a:lnSpc>
          <a:spcPct val="93000"/>
        </a:lnSpc>
        <a:spcBef>
          <a:spcPct val="0"/>
        </a:spcBef>
        <a:buNone/>
        <a:defRPr sz="40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10000"/>
        </a:lnSpc>
        <a:spcBef>
          <a:spcPts val="600"/>
        </a:spcBef>
        <a:buClrTx/>
        <a:buFont typeface="Segoe UI" panose="020B0502040204020203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1pPr>
      <a:lvl2pPr marL="288000" indent="-144000" algn="l" defTabSz="914400" rtl="0" eaLnBrk="1" latinLnBrk="0" hangingPunct="1">
        <a:lnSpc>
          <a:spcPct val="110000"/>
        </a:lnSpc>
        <a:spcBef>
          <a:spcPts val="600"/>
        </a:spcBef>
        <a:buClrTx/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144000" algn="l" defTabSz="914400" rtl="0" eaLnBrk="1" latinLnBrk="0" hangingPunct="1">
        <a:lnSpc>
          <a:spcPct val="110000"/>
        </a:lnSpc>
        <a:spcBef>
          <a:spcPts val="600"/>
        </a:spcBef>
        <a:buClrTx/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600"/>
        </a:spcBef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4000"/>
        </a:lnSpc>
        <a:spcBef>
          <a:spcPts val="0"/>
        </a:spcBef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44000" indent="-144000" algn="l" defTabSz="914400" rtl="0" eaLnBrk="1" latinLnBrk="0" hangingPunct="1">
        <a:lnSpc>
          <a:spcPct val="100000"/>
        </a:lnSpc>
        <a:spcBef>
          <a:spcPts val="600"/>
        </a:spcBef>
        <a:buFont typeface="+mj-lt"/>
        <a:buAutoNum type="arabicParenR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144000" indent="-144000" algn="l" defTabSz="914400" rtl="0" eaLnBrk="1" latinLnBrk="0" hangingPunct="1">
        <a:lnSpc>
          <a:spcPct val="100000"/>
        </a:lnSpc>
        <a:spcBef>
          <a:spcPts val="600"/>
        </a:spcBef>
        <a:buFont typeface="+mj-lt"/>
        <a:buAutoNum type="alphaLcParenR"/>
        <a:defRPr sz="100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44000" indent="-144000" algn="l" defTabSz="9144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None/>
        <a:defRPr sz="32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864" userDrawn="1">
          <p15:clr>
            <a:srgbClr val="A4A3A4"/>
          </p15:clr>
        </p15:guide>
        <p15:guide id="27" pos="453" userDrawn="1">
          <p15:clr>
            <a:srgbClr val="A4A3A4"/>
          </p15:clr>
        </p15:guide>
        <p15:guide id="28" pos="7226" userDrawn="1">
          <p15:clr>
            <a:srgbClr val="A4A3A4"/>
          </p15:clr>
        </p15:guide>
        <p15:guide id="29" orient="horz" pos="453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4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1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hyperlink" Target="https://emu.dk/grundskole/forskning-og-viden/sproglig-forstaaelse/samarbejde-med-foraeldre-om-sproglig-udvikling" TargetMode="External"/><Relationship Id="rId1" Type="http://schemas.openxmlformats.org/officeDocument/2006/relationships/slideLayout" Target="../slideLayouts/slideLayout10.xml"/><Relationship Id="rId5" Type="http://schemas.microsoft.com/office/2018/10/relationships/comments" Target="../comments/modernComment_134_A5871E0F.xml"/><Relationship Id="rId4" Type="http://schemas.openxmlformats.org/officeDocument/2006/relationships/image" Target="../media/image24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11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JPG"/><Relationship Id="rId2" Type="http://schemas.openxmlformats.org/officeDocument/2006/relationships/hyperlink" Target="https://www.sprogvurdering.dk/" TargetMode="External"/><Relationship Id="rId1" Type="http://schemas.openxmlformats.org/officeDocument/2006/relationships/slideLayout" Target="../slideLayouts/slideLayout10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1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2.xml"/><Relationship Id="rId5" Type="http://schemas.openxmlformats.org/officeDocument/2006/relationships/image" Target="../media/image22.png"/><Relationship Id="rId4" Type="http://schemas.openxmlformats.org/officeDocument/2006/relationships/image" Target="../media/image21.pn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8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jpg"/><Relationship Id="rId1" Type="http://schemas.openxmlformats.org/officeDocument/2006/relationships/slideLayout" Target="../slideLayouts/slideLayout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D316C6-1ED1-85F5-405C-6D9E7CF4C9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Sprog i børnehaveklassen</a:t>
            </a:r>
            <a:endParaRPr lang="da-DK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5D5BC995-D4F5-342B-F62A-6D7E2C372B9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 smtClean="0"/>
              <a:t>Oplæg til forældremøde i børnehaveklassen</a:t>
            </a:r>
            <a:endParaRPr lang="da-DK" dirty="0"/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1E863F9A-3B61-FCCC-C418-DBAD8ECE42F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a-DK" dirty="0"/>
              <a:t>Side </a:t>
            </a:r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95792121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69DBC82-F82C-E3E8-A11E-713798BFD75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ådan kan I styrke jeres barns sprog og læsning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AEC3599-367E-7886-A488-1CF14E9A340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/>
              <a:t>Dansk og international forskning viser, at børn udvikler deres sprog hurtigere og bedre, når </a:t>
            </a:r>
            <a:r>
              <a:rPr lang="da-DK" dirty="0" smtClean="0"/>
              <a:t>forældrene</a:t>
            </a:r>
            <a:endParaRPr lang="da-DK" dirty="0"/>
          </a:p>
          <a:p>
            <a:r>
              <a:rPr lang="da-DK" dirty="0" smtClean="0"/>
              <a:t>taler </a:t>
            </a:r>
            <a:r>
              <a:rPr lang="da-DK" dirty="0"/>
              <a:t>meget med dem</a:t>
            </a:r>
          </a:p>
          <a:p>
            <a:r>
              <a:rPr lang="da-DK" dirty="0" smtClean="0"/>
              <a:t>ofte </a:t>
            </a:r>
            <a:r>
              <a:rPr lang="da-DK" dirty="0"/>
              <a:t>læser bøger med dem</a:t>
            </a:r>
          </a:p>
          <a:p>
            <a:r>
              <a:rPr lang="da-DK" dirty="0" smtClean="0"/>
              <a:t>bruger </a:t>
            </a:r>
            <a:r>
              <a:rPr lang="da-DK" dirty="0"/>
              <a:t>mange forskellige ord og forklarer nye ord</a:t>
            </a:r>
          </a:p>
          <a:p>
            <a:r>
              <a:rPr lang="da-DK" dirty="0" smtClean="0"/>
              <a:t>gentager </a:t>
            </a:r>
            <a:r>
              <a:rPr lang="da-DK" dirty="0"/>
              <a:t>og bygger videre på det, barnet siger</a:t>
            </a:r>
          </a:p>
          <a:p>
            <a:r>
              <a:rPr lang="da-DK" dirty="0" smtClean="0"/>
              <a:t>stiller </a:t>
            </a:r>
            <a:r>
              <a:rPr lang="da-DK" dirty="0"/>
              <a:t>åbne spørgsmål, der kræver længere svar fra </a:t>
            </a:r>
            <a:r>
              <a:rPr lang="da-DK" dirty="0" smtClean="0"/>
              <a:t>barnet.</a:t>
            </a:r>
          </a:p>
          <a:p>
            <a:endParaRPr lang="da-DK" sz="1600" dirty="0"/>
          </a:p>
          <a:p>
            <a:pPr marL="0" indent="0">
              <a:buNone/>
            </a:pPr>
            <a:r>
              <a:rPr lang="da-DK" sz="1600" dirty="0" smtClean="0"/>
              <a:t>På ”køleskabsarket” til højre får I enkle tips til samtaler og læsning med jeres barn.</a:t>
            </a:r>
            <a:endParaRPr lang="da-DK" sz="1600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04B7A61-FBEB-C8AF-B83C-22680D67C90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0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4C55A99D-9337-8B66-6582-8D39A9D27F3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261350" y="2008800"/>
            <a:ext cx="2927350" cy="41340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105501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69DBC82-F82C-E3E8-A11E-713798BFD75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ådan kan I styrke jeres barns sprog og læsning</a:t>
            </a:r>
          </a:p>
        </p:txBody>
      </p:sp>
      <p:sp>
        <p:nvSpPr>
          <p:cNvPr id="5" name="Pladsholder til indhold 4"/>
          <p:cNvSpPr>
            <a:spLocks noGrp="1"/>
          </p:cNvSpPr>
          <p:nvPr>
            <p:ph idx="1"/>
          </p:nvPr>
        </p:nvSpPr>
        <p:spPr>
          <a:xfrm>
            <a:off x="720000" y="5439296"/>
            <a:ext cx="5302800" cy="694782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Via QR-koden kan I se den film, </a:t>
            </a:r>
            <a:r>
              <a:rPr lang="da-DK" dirty="0" smtClean="0"/>
              <a:t>som </a:t>
            </a:r>
            <a:r>
              <a:rPr lang="da-DK" dirty="0"/>
              <a:t>vi skal se nu.</a:t>
            </a:r>
          </a:p>
          <a:p>
            <a:endParaRPr lang="da-DK" dirty="0"/>
          </a:p>
        </p:txBody>
      </p:sp>
      <p:sp>
        <p:nvSpPr>
          <p:cNvPr id="6" name="Pladsholder til indhold 5"/>
          <p:cNvSpPr>
            <a:spLocks noGrp="1"/>
          </p:cNvSpPr>
          <p:nvPr>
            <p:ph sz="half" idx="2"/>
          </p:nvPr>
        </p:nvSpPr>
        <p:spPr>
          <a:xfrm>
            <a:off x="6166800" y="5144890"/>
            <a:ext cx="5302800" cy="989187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Link til filmen på emu.dk – (filmen er et stykke nede på siden): </a:t>
            </a:r>
            <a:r>
              <a:rPr lang="da-DK" dirty="0">
                <a:hlinkClick r:id="rId2"/>
              </a:rPr>
              <a:t>Samarbejde med forældre om sproglig udvikling og forebyggelse af læsevanskeligheder - Forskning og viden - GRUNDSKOLE | Emu.dk</a:t>
            </a:r>
            <a:endParaRPr lang="da-DK" dirty="0"/>
          </a:p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782ED0A0-FF18-E759-4500-F3F5E9C891E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85914" y="1903761"/>
            <a:ext cx="4905923" cy="3050478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EA73872B-9F43-990A-3FCF-4768B7EB688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 rot="20730352">
            <a:off x="1307607" y="2286353"/>
            <a:ext cx="1872885" cy="2666598"/>
          </a:xfrm>
          <a:prstGeom prst="rect">
            <a:avLst/>
          </a:prstGeom>
        </p:spPr>
      </p:pic>
      <p:sp>
        <p:nvSpPr>
          <p:cNvPr id="11" name="Ellipse 10">
            <a:extLst>
              <a:ext uri="{FF2B5EF4-FFF2-40B4-BE49-F238E27FC236}">
                <a16:creationId xmlns:a16="http://schemas.microsoft.com/office/drawing/2014/main" id="{E18B8384-F5FE-B4FD-BF0B-984B38597009}"/>
              </a:ext>
            </a:extLst>
          </p:cNvPr>
          <p:cNvSpPr/>
          <p:nvPr/>
        </p:nvSpPr>
        <p:spPr>
          <a:xfrm>
            <a:off x="1448416" y="4667161"/>
            <a:ext cx="845408" cy="595121"/>
          </a:xfrm>
          <a:prstGeom prst="ellipse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613332346"/>
      </p:ext>
    </p:extLst>
  </p:cSld>
  <p:clrMapOvr>
    <a:masterClrMapping/>
  </p:clrMapOvr>
  <p:extLst mod="1">
    <p:ext uri="{6950BFC3-D8DA-4A85-94F7-54DA5524770B}">
      <p188:commentRel xmlns:p188="http://schemas.microsoft.com/office/powerpoint/2018/8/main" xmlns="" r:id="rId5"/>
    </p:ext>
  </p:extLs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DBE9E00B-B8C2-6013-A298-A698480FBDC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da-DK"/>
              <a:t>Side </a:t>
            </a:r>
            <a:fld id="{24C8C45C-947F-4981-8B3F-4F32E973C901}" type="slidenum">
              <a:rPr lang="da-DK" smtClean="0"/>
              <a:pPr/>
              <a:t>1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507864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C57BB4-D329-45C0-9F6E-278BA69FBC6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Indhold</a:t>
            </a:r>
            <a:endParaRPr lang="da-DK" dirty="0"/>
          </a:p>
        </p:txBody>
      </p:sp>
      <p:graphicFrame>
        <p:nvGraphicFramePr>
          <p:cNvPr id="6" name="Content Placeholder 6">
            <a:extLst>
              <a:ext uri="{FF2B5EF4-FFF2-40B4-BE49-F238E27FC236}">
                <a16:creationId xmlns:a16="http://schemas.microsoft.com/office/drawing/2014/main" id="{322D7518-2F2D-E040-188A-C653AB8A1C6D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062706308"/>
              </p:ext>
            </p:extLst>
          </p:nvPr>
        </p:nvGraphicFramePr>
        <p:xfrm>
          <a:off x="720725" y="2008188"/>
          <a:ext cx="7116763" cy="1884255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711676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376851">
                <a:tc>
                  <a:txBody>
                    <a:bodyPr/>
                    <a:lstStyle/>
                    <a:p>
                      <a:r>
                        <a:rPr lang="da-DK" sz="1400" dirty="0" smtClean="0"/>
                        <a:t>Sprogets betydning for barnets læring og trivsel</a:t>
                      </a:r>
                      <a:endParaRPr lang="da-DK" sz="1400" dirty="0"/>
                    </a:p>
                  </a:txBody>
                  <a:tcPr marL="72014" marR="46809" marT="36000" marB="36000" anchor="ctr">
                    <a:lnL w="12700" cmpd="sng">
                      <a:noFill/>
                    </a:lnL>
                    <a:lnR w="12700" cmpd="sng">
                      <a:noFill/>
                    </a:lnR>
                    <a:lnT w="19050" cap="flat" cmpd="sng" algn="ctr">
                      <a:noFill/>
                      <a:prstDash val="dot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376851">
                <a:tc>
                  <a:txBody>
                    <a:bodyPr/>
                    <a:lstStyle/>
                    <a:p>
                      <a:pPr marL="0" marR="0" indent="0" algn="l" defTabSz="51205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400" dirty="0" smtClean="0"/>
                        <a:t>Sprogvurderingen i børnehaveklassen</a:t>
                      </a:r>
                      <a:endParaRPr lang="da-DK" sz="1400" dirty="0"/>
                    </a:p>
                  </a:txBody>
                  <a:tcPr marL="68603" marR="68603" marT="45709" marB="4570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376851">
                <a:tc>
                  <a:txBody>
                    <a:bodyPr/>
                    <a:lstStyle/>
                    <a:p>
                      <a:r>
                        <a:rPr lang="da-DK" sz="1400" dirty="0" smtClean="0"/>
                        <a:t>Sprogindsatsen i børnehaveklassen</a:t>
                      </a:r>
                      <a:endParaRPr lang="da-DK" sz="1400" dirty="0"/>
                    </a:p>
                  </a:txBody>
                  <a:tcPr marL="68603" marR="68603" marT="45709" marB="4570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376851">
                <a:tc>
                  <a:txBody>
                    <a:bodyPr/>
                    <a:lstStyle/>
                    <a:p>
                      <a:r>
                        <a:rPr lang="da-DK" sz="1400" dirty="0" smtClean="0"/>
                        <a:t>Forældres betydning for barnets sproglige udvikling</a:t>
                      </a:r>
                      <a:endParaRPr lang="da-DK" sz="1400" dirty="0"/>
                    </a:p>
                  </a:txBody>
                  <a:tcPr marL="68603" marR="68603" marT="45709" marB="4570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  <a:tr h="376851">
                <a:tc>
                  <a:txBody>
                    <a:bodyPr/>
                    <a:lstStyle/>
                    <a:p>
                      <a:r>
                        <a:rPr lang="da-DK" sz="1400" dirty="0" smtClean="0"/>
                        <a:t>Hvordan kan I som forældre styrke jeres barns sprog?</a:t>
                      </a:r>
                      <a:endParaRPr lang="da-DK" sz="1400" dirty="0"/>
                    </a:p>
                  </a:txBody>
                  <a:tcPr marL="68603" marR="68603" marT="45709" marB="45709" anchor="ctr">
                    <a:lnL w="12700" cmpd="sng"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0004"/>
                  </a:ext>
                </a:extLst>
              </a:tr>
            </a:tbl>
          </a:graphicData>
        </a:graphic>
      </p:graphicFrame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3DA374D-D185-49DA-ABE4-93C0E3F7880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638C10-C7B6-4C4D-8F8A-AB6FF8248A75}" type="datetime2">
              <a:rPr lang="da-DK"/>
              <a:t>15. august 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BEC494-BE0B-40D0-BD70-1CF175704E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32527943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Sprog, læring og trivsel</a:t>
            </a:r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720000" y="2008800"/>
            <a:ext cx="7117488" cy="2274442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Dansk og international forskning viser, </a:t>
            </a:r>
            <a:r>
              <a:rPr lang="da-DK" dirty="0" smtClean="0"/>
              <a:t>at</a:t>
            </a:r>
            <a:endParaRPr lang="da-DK" dirty="0"/>
          </a:p>
          <a:p>
            <a:r>
              <a:rPr lang="da-DK" dirty="0" smtClean="0"/>
              <a:t>et </a:t>
            </a:r>
            <a:r>
              <a:rPr lang="da-DK" dirty="0"/>
              <a:t>godt sprog tidligere i livet hænger sammen med læring, uddannelse og trivsel senere i livet</a:t>
            </a:r>
          </a:p>
          <a:p>
            <a:r>
              <a:rPr lang="da-DK" dirty="0" smtClean="0"/>
              <a:t>sprog </a:t>
            </a:r>
            <a:r>
              <a:rPr lang="da-DK" dirty="0"/>
              <a:t>er den kompetence, der styrker andre kompetencer bedst</a:t>
            </a:r>
          </a:p>
          <a:p>
            <a:r>
              <a:rPr lang="da-DK" dirty="0" smtClean="0"/>
              <a:t>ordforrådet </a:t>
            </a:r>
            <a:r>
              <a:rPr lang="da-DK" dirty="0"/>
              <a:t>spiller en særlig vigtig rolle</a:t>
            </a:r>
          </a:p>
          <a:p>
            <a:r>
              <a:rPr lang="da-DK" dirty="0" smtClean="0"/>
              <a:t>en </a:t>
            </a:r>
            <a:r>
              <a:rPr lang="da-DK" dirty="0"/>
              <a:t>god opmærksomhed på ordenes/sprogets lyde og et stort bogstavkendskab gør det nemmere at lære at </a:t>
            </a:r>
            <a:r>
              <a:rPr lang="da-DK" dirty="0" smtClean="0"/>
              <a:t>læse.</a:t>
            </a:r>
            <a:endParaRPr lang="da-DK" dirty="0"/>
          </a:p>
          <a:p>
            <a:endParaRPr lang="da-DK" dirty="0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12" name="TextBox 5">
            <a:extLst>
              <a:ext uri="{FF2B5EF4-FFF2-40B4-BE49-F238E27FC236}">
                <a16:creationId xmlns:a16="http://schemas.microsoft.com/office/drawing/2014/main" id="{5A9FF7F6-60F9-4C39-A19B-AA909FE652F7}"/>
              </a:ext>
            </a:extLst>
          </p:cNvPr>
          <p:cNvSpPr txBox="1">
            <a:spLocks/>
          </p:cNvSpPr>
          <p:nvPr/>
        </p:nvSpPr>
        <p:spPr>
          <a:xfrm>
            <a:off x="7981950" y="2008800"/>
            <a:ext cx="3487735" cy="3978114"/>
          </a:xfrm>
          <a:prstGeom prst="rect">
            <a:avLst/>
          </a:prstGeom>
          <a:solidFill>
            <a:schemeClr val="accent2"/>
          </a:solidFill>
        </p:spPr>
        <p:txBody>
          <a:bodyPr wrap="square" lIns="180000" tIns="180000" rIns="360000" bIns="180000" rtlCol="0">
            <a:noAutofit/>
          </a:bodyPr>
          <a:lstStyle/>
          <a:p>
            <a:r>
              <a:rPr lang="da-DK" sz="2000" dirty="0" smtClean="0">
                <a:latin typeface="+mj-lt"/>
              </a:rPr>
              <a:t>Vidste du…</a:t>
            </a:r>
          </a:p>
          <a:p>
            <a:endParaRPr lang="da-DK" sz="1400" dirty="0"/>
          </a:p>
          <a:p>
            <a:r>
              <a:rPr lang="da-DK" sz="1400" dirty="0" smtClean="0"/>
              <a:t>…at et generelt stort ordforråd understøtter det faglige ordforråd?</a:t>
            </a:r>
          </a:p>
          <a:p>
            <a:endParaRPr lang="da-DK" sz="1400" dirty="0"/>
          </a:p>
          <a:p>
            <a:r>
              <a:rPr lang="da-DK" sz="1400" dirty="0" smtClean="0"/>
              <a:t>…at et stort ordforråd understøtter sociale kompetencer og trivsel?</a:t>
            </a:r>
            <a:endParaRPr lang="da-DK" sz="1400" dirty="0"/>
          </a:p>
        </p:txBody>
      </p:sp>
      <p:sp>
        <p:nvSpPr>
          <p:cNvPr id="13" name="Freeform 5">
            <a:extLst>
              <a:ext uri="{FF2B5EF4-FFF2-40B4-BE49-F238E27FC236}">
                <a16:creationId xmlns:a16="http://schemas.microsoft.com/office/drawing/2014/main" id="{CC3BF20F-D4E3-4C22-A759-77384D8DA4F3}"/>
              </a:ext>
            </a:extLst>
          </p:cNvPr>
          <p:cNvSpPr>
            <a:spLocks noEditPoints="1"/>
          </p:cNvSpPr>
          <p:nvPr/>
        </p:nvSpPr>
        <p:spPr bwMode="auto">
          <a:xfrm>
            <a:off x="719138" y="5057558"/>
            <a:ext cx="623888" cy="500063"/>
          </a:xfrm>
          <a:custGeom>
            <a:avLst/>
            <a:gdLst>
              <a:gd name="T0" fmla="*/ 90 w 289"/>
              <a:gd name="T1" fmla="*/ 6 h 230"/>
              <a:gd name="T2" fmla="*/ 50 w 289"/>
              <a:gd name="T3" fmla="*/ 24 h 230"/>
              <a:gd name="T4" fmla="*/ 35 w 289"/>
              <a:gd name="T5" fmla="*/ 62 h 230"/>
              <a:gd name="T6" fmla="*/ 46 w 289"/>
              <a:gd name="T7" fmla="*/ 90 h 230"/>
              <a:gd name="T8" fmla="*/ 82 w 289"/>
              <a:gd name="T9" fmla="*/ 103 h 230"/>
              <a:gd name="T10" fmla="*/ 99 w 289"/>
              <a:gd name="T11" fmla="*/ 103 h 230"/>
              <a:gd name="T12" fmla="*/ 84 w 289"/>
              <a:gd name="T13" fmla="*/ 138 h 230"/>
              <a:gd name="T14" fmla="*/ 62 w 289"/>
              <a:gd name="T15" fmla="*/ 164 h 230"/>
              <a:gd name="T16" fmla="*/ 33 w 289"/>
              <a:gd name="T17" fmla="*/ 185 h 230"/>
              <a:gd name="T18" fmla="*/ 0 w 289"/>
              <a:gd name="T19" fmla="*/ 204 h 230"/>
              <a:gd name="T20" fmla="*/ 12 w 289"/>
              <a:gd name="T21" fmla="*/ 230 h 230"/>
              <a:gd name="T22" fmla="*/ 50 w 289"/>
              <a:gd name="T23" fmla="*/ 208 h 230"/>
              <a:gd name="T24" fmla="*/ 94 w 289"/>
              <a:gd name="T25" fmla="*/ 173 h 230"/>
              <a:gd name="T26" fmla="*/ 128 w 289"/>
              <a:gd name="T27" fmla="*/ 125 h 230"/>
              <a:gd name="T28" fmla="*/ 142 w 289"/>
              <a:gd name="T29" fmla="*/ 63 h 230"/>
              <a:gd name="T30" fmla="*/ 129 w 289"/>
              <a:gd name="T31" fmla="*/ 21 h 230"/>
              <a:gd name="T32" fmla="*/ 90 w 289"/>
              <a:gd name="T33" fmla="*/ 6 h 230"/>
              <a:gd name="T34" fmla="*/ 275 w 289"/>
              <a:gd name="T35" fmla="*/ 21 h 230"/>
              <a:gd name="T36" fmla="*/ 197 w 289"/>
              <a:gd name="T37" fmla="*/ 22 h 230"/>
              <a:gd name="T38" fmla="*/ 196 w 289"/>
              <a:gd name="T39" fmla="*/ 24 h 230"/>
              <a:gd name="T40" fmla="*/ 181 w 289"/>
              <a:gd name="T41" fmla="*/ 62 h 230"/>
              <a:gd name="T42" fmla="*/ 192 w 289"/>
              <a:gd name="T43" fmla="*/ 90 h 230"/>
              <a:gd name="T44" fmla="*/ 228 w 289"/>
              <a:gd name="T45" fmla="*/ 103 h 230"/>
              <a:gd name="T46" fmla="*/ 245 w 289"/>
              <a:gd name="T47" fmla="*/ 103 h 230"/>
              <a:gd name="T48" fmla="*/ 230 w 289"/>
              <a:gd name="T49" fmla="*/ 138 h 230"/>
              <a:gd name="T50" fmla="*/ 208 w 289"/>
              <a:gd name="T51" fmla="*/ 164 h 230"/>
              <a:gd name="T52" fmla="*/ 179 w 289"/>
              <a:gd name="T53" fmla="*/ 185 h 230"/>
              <a:gd name="T54" fmla="*/ 146 w 289"/>
              <a:gd name="T55" fmla="*/ 204 h 230"/>
              <a:gd name="T56" fmla="*/ 158 w 289"/>
              <a:gd name="T57" fmla="*/ 230 h 230"/>
              <a:gd name="T58" fmla="*/ 196 w 289"/>
              <a:gd name="T59" fmla="*/ 208 h 230"/>
              <a:gd name="T60" fmla="*/ 240 w 289"/>
              <a:gd name="T61" fmla="*/ 173 h 230"/>
              <a:gd name="T62" fmla="*/ 274 w 289"/>
              <a:gd name="T63" fmla="*/ 125 h 230"/>
              <a:gd name="T64" fmla="*/ 288 w 289"/>
              <a:gd name="T65" fmla="*/ 63 h 230"/>
              <a:gd name="T66" fmla="*/ 275 w 289"/>
              <a:gd name="T67" fmla="*/ 21 h 23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</a:cxnLst>
            <a:rect l="0" t="0" r="r" b="b"/>
            <a:pathLst>
              <a:path w="289" h="230">
                <a:moveTo>
                  <a:pt x="90" y="6"/>
                </a:moveTo>
                <a:cubicBezTo>
                  <a:pt x="74" y="5"/>
                  <a:pt x="60" y="12"/>
                  <a:pt x="50" y="24"/>
                </a:cubicBezTo>
                <a:cubicBezTo>
                  <a:pt x="41" y="34"/>
                  <a:pt x="36" y="48"/>
                  <a:pt x="35" y="62"/>
                </a:cubicBezTo>
                <a:cubicBezTo>
                  <a:pt x="35" y="72"/>
                  <a:pt x="39" y="82"/>
                  <a:pt x="46" y="90"/>
                </a:cubicBezTo>
                <a:cubicBezTo>
                  <a:pt x="56" y="100"/>
                  <a:pt x="69" y="104"/>
                  <a:pt x="82" y="103"/>
                </a:cubicBezTo>
                <a:cubicBezTo>
                  <a:pt x="99" y="103"/>
                  <a:pt x="99" y="103"/>
                  <a:pt x="99" y="103"/>
                </a:cubicBezTo>
                <a:cubicBezTo>
                  <a:pt x="96" y="116"/>
                  <a:pt x="91" y="127"/>
                  <a:pt x="84" y="138"/>
                </a:cubicBezTo>
                <a:cubicBezTo>
                  <a:pt x="78" y="148"/>
                  <a:pt x="70" y="156"/>
                  <a:pt x="62" y="164"/>
                </a:cubicBezTo>
                <a:cubicBezTo>
                  <a:pt x="53" y="172"/>
                  <a:pt x="44" y="179"/>
                  <a:pt x="33" y="185"/>
                </a:cubicBezTo>
                <a:cubicBezTo>
                  <a:pt x="23" y="191"/>
                  <a:pt x="12" y="197"/>
                  <a:pt x="0" y="204"/>
                </a:cubicBezTo>
                <a:cubicBezTo>
                  <a:pt x="12" y="230"/>
                  <a:pt x="12" y="230"/>
                  <a:pt x="12" y="230"/>
                </a:cubicBezTo>
                <a:cubicBezTo>
                  <a:pt x="22" y="225"/>
                  <a:pt x="35" y="218"/>
                  <a:pt x="50" y="208"/>
                </a:cubicBezTo>
                <a:cubicBezTo>
                  <a:pt x="66" y="198"/>
                  <a:pt x="80" y="186"/>
                  <a:pt x="94" y="173"/>
                </a:cubicBezTo>
                <a:cubicBezTo>
                  <a:pt x="108" y="159"/>
                  <a:pt x="119" y="143"/>
                  <a:pt x="128" y="125"/>
                </a:cubicBezTo>
                <a:cubicBezTo>
                  <a:pt x="138" y="106"/>
                  <a:pt x="143" y="84"/>
                  <a:pt x="142" y="63"/>
                </a:cubicBezTo>
                <a:cubicBezTo>
                  <a:pt x="143" y="48"/>
                  <a:pt x="138" y="33"/>
                  <a:pt x="129" y="21"/>
                </a:cubicBezTo>
                <a:cubicBezTo>
                  <a:pt x="119" y="10"/>
                  <a:pt x="105" y="4"/>
                  <a:pt x="90" y="6"/>
                </a:cubicBezTo>
                <a:close/>
                <a:moveTo>
                  <a:pt x="275" y="21"/>
                </a:moveTo>
                <a:cubicBezTo>
                  <a:pt x="253" y="0"/>
                  <a:pt x="218" y="0"/>
                  <a:pt x="197" y="22"/>
                </a:cubicBezTo>
                <a:cubicBezTo>
                  <a:pt x="197" y="23"/>
                  <a:pt x="196" y="23"/>
                  <a:pt x="196" y="24"/>
                </a:cubicBezTo>
                <a:cubicBezTo>
                  <a:pt x="187" y="34"/>
                  <a:pt x="181" y="48"/>
                  <a:pt x="181" y="62"/>
                </a:cubicBezTo>
                <a:cubicBezTo>
                  <a:pt x="181" y="72"/>
                  <a:pt x="185" y="82"/>
                  <a:pt x="192" y="90"/>
                </a:cubicBezTo>
                <a:cubicBezTo>
                  <a:pt x="201" y="100"/>
                  <a:pt x="215" y="104"/>
                  <a:pt x="228" y="103"/>
                </a:cubicBezTo>
                <a:cubicBezTo>
                  <a:pt x="245" y="103"/>
                  <a:pt x="245" y="103"/>
                  <a:pt x="245" y="103"/>
                </a:cubicBezTo>
                <a:cubicBezTo>
                  <a:pt x="242" y="116"/>
                  <a:pt x="236" y="127"/>
                  <a:pt x="230" y="138"/>
                </a:cubicBezTo>
                <a:cubicBezTo>
                  <a:pt x="224" y="148"/>
                  <a:pt x="216" y="156"/>
                  <a:pt x="208" y="164"/>
                </a:cubicBezTo>
                <a:cubicBezTo>
                  <a:pt x="199" y="172"/>
                  <a:pt x="189" y="179"/>
                  <a:pt x="179" y="185"/>
                </a:cubicBezTo>
                <a:cubicBezTo>
                  <a:pt x="169" y="191"/>
                  <a:pt x="158" y="197"/>
                  <a:pt x="146" y="204"/>
                </a:cubicBezTo>
                <a:cubicBezTo>
                  <a:pt x="158" y="230"/>
                  <a:pt x="158" y="230"/>
                  <a:pt x="158" y="230"/>
                </a:cubicBezTo>
                <a:cubicBezTo>
                  <a:pt x="168" y="225"/>
                  <a:pt x="180" y="218"/>
                  <a:pt x="196" y="208"/>
                </a:cubicBezTo>
                <a:cubicBezTo>
                  <a:pt x="212" y="198"/>
                  <a:pt x="226" y="186"/>
                  <a:pt x="240" y="173"/>
                </a:cubicBezTo>
                <a:cubicBezTo>
                  <a:pt x="254" y="159"/>
                  <a:pt x="265" y="143"/>
                  <a:pt x="274" y="125"/>
                </a:cubicBezTo>
                <a:cubicBezTo>
                  <a:pt x="283" y="106"/>
                  <a:pt x="288" y="84"/>
                  <a:pt x="288" y="63"/>
                </a:cubicBezTo>
                <a:cubicBezTo>
                  <a:pt x="289" y="48"/>
                  <a:pt x="284" y="33"/>
                  <a:pt x="275" y="21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4" name="Pladsholder til indhold 2"/>
          <p:cNvSpPr>
            <a:spLocks noGrp="1"/>
          </p:cNvSpPr>
          <p:nvPr>
            <p:ph idx="1"/>
          </p:nvPr>
        </p:nvSpPr>
        <p:spPr>
          <a:xfrm>
            <a:off x="1575044" y="5145032"/>
            <a:ext cx="3911356" cy="412589"/>
          </a:xfrm>
        </p:spPr>
        <p:txBody>
          <a:bodyPr/>
          <a:lstStyle/>
          <a:p>
            <a:pPr marL="0" indent="0">
              <a:buNone/>
            </a:pPr>
            <a:r>
              <a:rPr lang="da-DK" sz="2400" b="1" i="1" dirty="0" smtClean="0">
                <a:latin typeface="+mj-lt"/>
              </a:rPr>
              <a:t>Sprog er foder for hjernen</a:t>
            </a:r>
            <a:endParaRPr lang="da-DK" sz="2400" b="1" i="1" dirty="0">
              <a:latin typeface="+mj-lt"/>
            </a:endParaRP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4276085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Om sprogvurderingen i børnehaveklassen</a:t>
            </a:r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/>
              <a:t>Sprogvurderingen i børnehaveklassen er obligatorisk for alle folkeskoler og finder sted i begyndelsen af skoleåret.</a:t>
            </a:r>
          </a:p>
          <a:p>
            <a:endParaRPr lang="da-DK" dirty="0"/>
          </a:p>
          <a:p>
            <a:pPr marL="0" indent="0">
              <a:buNone/>
            </a:pPr>
            <a:r>
              <a:rPr lang="da-DK" dirty="0"/>
              <a:t>Sprogvurderingen afdækker </a:t>
            </a:r>
            <a:r>
              <a:rPr lang="da-DK" dirty="0" smtClean="0"/>
              <a:t>elevernes</a:t>
            </a:r>
          </a:p>
          <a:p>
            <a:r>
              <a:rPr lang="da-DK" dirty="0" smtClean="0"/>
              <a:t>Talesproglige kompetencer</a:t>
            </a:r>
          </a:p>
          <a:p>
            <a:pPr lvl="1"/>
            <a:r>
              <a:rPr lang="da-DK" dirty="0" smtClean="0"/>
              <a:t>Ordforråd og sætningsforståelse</a:t>
            </a:r>
          </a:p>
          <a:p>
            <a:r>
              <a:rPr lang="da-DK" dirty="0" smtClean="0"/>
              <a:t>Før-skriftlige kompetencer</a:t>
            </a:r>
          </a:p>
          <a:p>
            <a:pPr lvl="1"/>
            <a:r>
              <a:rPr lang="da-DK" dirty="0" smtClean="0"/>
              <a:t>Bogstavkendskab og forlyd.</a:t>
            </a:r>
            <a:endParaRPr lang="da-DK" dirty="0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6" name="Pladsholder til indhold 6" descr="Et billede, der indeholder tøj, kvinde, person, indendørs&#10;&#10;Automatisk genereret beskrivelse">
            <a:extLst>
              <a:ext uri="{FF2B5EF4-FFF2-40B4-BE49-F238E27FC236}">
                <a16:creationId xmlns:a16="http://schemas.microsoft.com/office/drawing/2014/main" id="{AD2C0F19-1D08-61CB-A18C-569D00A7E51D}"/>
              </a:ext>
            </a:extLst>
          </p:cNvPr>
          <p:cNvPicPr>
            <a:picLocks noChangeAspect="1"/>
          </p:cNvPicPr>
          <p:nvPr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66133" y="2307181"/>
            <a:ext cx="5301967" cy="3535352"/>
          </a:xfrm>
          <a:prstGeom prst="rect">
            <a:avLst/>
          </a:prstGeom>
          <a:ln>
            <a:noFill/>
          </a:ln>
          <a:effectLst/>
        </p:spPr>
      </p:pic>
      <p:sp>
        <p:nvSpPr>
          <p:cNvPr id="7" name="Pladsholder til indhold 2"/>
          <p:cNvSpPr>
            <a:spLocks noGrp="1"/>
          </p:cNvSpPr>
          <p:nvPr>
            <p:ph idx="1"/>
          </p:nvPr>
        </p:nvSpPr>
        <p:spPr>
          <a:xfrm>
            <a:off x="6166133" y="5851770"/>
            <a:ext cx="5302800" cy="179576"/>
          </a:xfrm>
        </p:spPr>
        <p:txBody>
          <a:bodyPr/>
          <a:lstStyle/>
          <a:p>
            <a:pPr marL="0" indent="0">
              <a:buNone/>
            </a:pPr>
            <a:r>
              <a:rPr lang="da-DK" sz="1050" dirty="0" smtClean="0"/>
              <a:t>© Børne- og Undervisningsministeriet</a:t>
            </a:r>
            <a:endParaRPr lang="da-DK" sz="1050" dirty="0"/>
          </a:p>
        </p:txBody>
      </p:sp>
    </p:spTree>
    <p:extLst>
      <p:ext uri="{BB962C8B-B14F-4D97-AF65-F5344CB8AC3E}">
        <p14:creationId xmlns:p14="http://schemas.microsoft.com/office/powerpoint/2010/main" val="116615182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0F49784-FBEE-C6E0-91E8-64FD00EDD9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m sprogvurderingen i børnehaveklasse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C2494F5-2E3A-691F-D876-7AF2B112532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marL="0" indent="0">
              <a:buNone/>
            </a:pPr>
            <a:r>
              <a:rPr lang="da-DK" dirty="0"/>
              <a:t>Sprogvurderingen foregår </a:t>
            </a:r>
            <a:r>
              <a:rPr lang="da-DK" dirty="0" smtClean="0"/>
              <a:t>digitalt:</a:t>
            </a:r>
            <a:endParaRPr lang="da-DK" dirty="0"/>
          </a:p>
          <a:p>
            <a:pPr lvl="1"/>
            <a:r>
              <a:rPr lang="da-DK" dirty="0"/>
              <a:t>Før sprogvurderingen øver klassen sig ved brug af en demoversion</a:t>
            </a:r>
          </a:p>
          <a:p>
            <a:pPr lvl="1"/>
            <a:r>
              <a:rPr lang="da-DK" dirty="0"/>
              <a:t>Ved selve vurderingen sidder eleverne med hver deres pc/tablet og høretelefoner </a:t>
            </a:r>
            <a:r>
              <a:rPr lang="da-DK" dirty="0">
                <a:solidFill>
                  <a:srgbClr val="FF0000"/>
                </a:solidFill>
              </a:rPr>
              <a:t>[Her kan du tilføje, om eleverne selv skal medbringe høretelefoner]</a:t>
            </a:r>
          </a:p>
          <a:p>
            <a:pPr lvl="1"/>
            <a:r>
              <a:rPr lang="da-DK" dirty="0"/>
              <a:t>En oplæser guider dem igennem alle opgaverne, så eleverne kan løse dem i deres eget tempo</a:t>
            </a:r>
          </a:p>
          <a:p>
            <a:pPr lvl="1"/>
            <a:r>
              <a:rPr lang="da-DK" dirty="0"/>
              <a:t>Spørgsmålene kan høres flere gange, inden eleven svarer</a:t>
            </a:r>
          </a:p>
          <a:p>
            <a:pPr lvl="1"/>
            <a:r>
              <a:rPr lang="da-DK" dirty="0"/>
              <a:t>Sprogvurderingen varer ca. 20 </a:t>
            </a:r>
            <a:r>
              <a:rPr lang="da-DK" dirty="0" smtClean="0"/>
              <a:t>minutter</a:t>
            </a:r>
          </a:p>
        </p:txBody>
      </p:sp>
      <p:sp>
        <p:nvSpPr>
          <p:cNvPr id="5" name="Pladsholder til indhold 4"/>
          <p:cNvSpPr>
            <a:spLocks noGrp="1"/>
          </p:cNvSpPr>
          <p:nvPr>
            <p:ph sz="half" idx="2"/>
          </p:nvPr>
        </p:nvSpPr>
        <p:spPr>
          <a:xfrm>
            <a:off x="6166800" y="3878980"/>
            <a:ext cx="5302800" cy="2255097"/>
          </a:xfrm>
        </p:spPr>
        <p:txBody>
          <a:bodyPr/>
          <a:lstStyle/>
          <a:p>
            <a:pPr marL="0" indent="0">
              <a:buNone/>
            </a:pPr>
            <a:r>
              <a:rPr lang="da-DK" dirty="0" smtClean="0">
                <a:hlinkClick r:id="rId2"/>
              </a:rPr>
              <a:t>Se </a:t>
            </a:r>
            <a:r>
              <a:rPr lang="da-DK" dirty="0">
                <a:hlinkClick r:id="rId2"/>
              </a:rPr>
              <a:t>demoversionen på sprogvurdering.dk</a:t>
            </a:r>
            <a:endParaRPr lang="da-DK" dirty="0"/>
          </a:p>
          <a:p>
            <a:endParaRPr lang="da-DK" dirty="0"/>
          </a:p>
        </p:txBody>
      </p:sp>
      <p:pic>
        <p:nvPicPr>
          <p:cNvPr id="8" name="Picture 2">
            <a:extLst>
              <a:ext uri="{FF2B5EF4-FFF2-40B4-BE49-F238E27FC236}">
                <a16:creationId xmlns:a16="http://schemas.microsoft.com/office/drawing/2014/main" id="{4ED7075F-E6BD-A6E4-2E50-2DEC6F8C3C1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37848" y="1895928"/>
            <a:ext cx="5649595" cy="17907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541856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1A7A411-4240-C3DD-5F81-A200387E26D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>
            <a:normAutofit/>
          </a:bodyPr>
          <a:lstStyle/>
          <a:p>
            <a:r>
              <a:rPr lang="da-DK" dirty="0"/>
              <a:t>Hvorfor skal eleverne sprogvurderes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33EA175-D939-5C45-4D4D-EA4DCC1D070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marL="0" indent="0">
              <a:buNone/>
            </a:pPr>
            <a:r>
              <a:rPr lang="da-DK" dirty="0"/>
              <a:t>Sproget er den vigtigste forudsætning for at få et godt udbytte af skolens </a:t>
            </a:r>
            <a:r>
              <a:rPr lang="da-DK" dirty="0" smtClean="0"/>
              <a:t>undervisning.</a:t>
            </a:r>
            <a:endParaRPr lang="da-DK" dirty="0"/>
          </a:p>
          <a:p>
            <a:pPr marL="0" indent="0">
              <a:buNone/>
            </a:pPr>
            <a:r>
              <a:rPr lang="da-DK" dirty="0"/>
              <a:t>Det er vigtigt for os som fagpersonale at få et samlet overblik over elevernes sproglige </a:t>
            </a:r>
            <a:r>
              <a:rPr lang="da-DK" dirty="0" smtClean="0"/>
              <a:t>kompetencer.</a:t>
            </a:r>
            <a:endParaRPr lang="da-DK" dirty="0"/>
          </a:p>
          <a:p>
            <a:pPr marL="0" indent="0">
              <a:buNone/>
            </a:pPr>
            <a:r>
              <a:rPr lang="da-DK" dirty="0"/>
              <a:t>Sprogvurderingen gør det muligt for os at iværksætte den rette sproglige indsats i undervisningen – både for den samlede klasse samt for den enkelte </a:t>
            </a:r>
            <a:r>
              <a:rPr lang="da-DK" dirty="0" smtClean="0"/>
              <a:t>elev.</a:t>
            </a:r>
            <a:endParaRPr lang="da-DK" dirty="0"/>
          </a:p>
          <a:p>
            <a:pPr marL="0" indent="0">
              <a:buNone/>
            </a:pPr>
            <a:r>
              <a:rPr lang="da-DK" dirty="0"/>
              <a:t>I kan læse mere om sprogvurderingen i den </a:t>
            </a:r>
            <a:r>
              <a:rPr lang="da-DK" dirty="0" smtClean="0"/>
              <a:t>folder, I </a:t>
            </a:r>
            <a:r>
              <a:rPr lang="da-DK" dirty="0"/>
              <a:t>får </a:t>
            </a:r>
            <a:r>
              <a:rPr lang="da-DK" dirty="0" smtClean="0"/>
              <a:t>tilsendt. Via QR-koden i folderen kan I se demotesten om sprogvurderingen.</a:t>
            </a:r>
            <a:endParaRPr lang="da-DK" dirty="0"/>
          </a:p>
          <a:p>
            <a:pPr marL="0" indent="0">
              <a:buNone/>
            </a:pPr>
            <a:endParaRPr lang="da-DK" sz="2400" dirty="0"/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56051" y="2011123"/>
            <a:ext cx="2920866" cy="41229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799640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7</a:t>
            </a:fld>
            <a:endParaRPr lang="da-DK" dirty="0"/>
          </a:p>
        </p:txBody>
      </p:sp>
      <p:grpSp>
        <p:nvGrpSpPr>
          <p:cNvPr id="4" name="Gruppe 3"/>
          <p:cNvGrpSpPr/>
          <p:nvPr/>
        </p:nvGrpSpPr>
        <p:grpSpPr>
          <a:xfrm>
            <a:off x="3700222" y="734674"/>
            <a:ext cx="4791556" cy="5388653"/>
            <a:chOff x="946451" y="972017"/>
            <a:chExt cx="4791556" cy="5388653"/>
          </a:xfrm>
        </p:grpSpPr>
        <p:pic>
          <p:nvPicPr>
            <p:cNvPr id="3" name="Billede 2"/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946451" y="2931727"/>
              <a:ext cx="4715533" cy="1533739"/>
            </a:xfrm>
            <a:prstGeom prst="rect">
              <a:avLst/>
            </a:prstGeom>
          </p:spPr>
        </p:pic>
        <p:pic>
          <p:nvPicPr>
            <p:cNvPr id="6" name="Billede 5"/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946451" y="4872384"/>
              <a:ext cx="4791556" cy="1488286"/>
            </a:xfrm>
            <a:prstGeom prst="rect">
              <a:avLst/>
            </a:prstGeom>
          </p:spPr>
        </p:pic>
        <p:pic>
          <p:nvPicPr>
            <p:cNvPr id="7" name="Billede 6"/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946451" y="972017"/>
              <a:ext cx="4753638" cy="1552792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71923969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3686FDFC-4796-3251-D2CE-D2586D4BA67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Resultatet af sprogvurderingen</a:t>
            </a:r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160E2817-3EFA-EE10-9940-DA337C3A59B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0000" y="4514248"/>
            <a:ext cx="10749600" cy="1620152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Resultatet af sprogvurderingen vil vise, hvilken sproglig indsats eleverne har behov for </a:t>
            </a:r>
          </a:p>
          <a:p>
            <a:pPr marL="0" indent="0">
              <a:buNone/>
            </a:pPr>
            <a:r>
              <a:rPr lang="da-DK" dirty="0"/>
              <a:t>Resultatet står aldrig alene – det indgår som et led i vores samlede vurdering af elevernes sproglige kompetencer</a:t>
            </a:r>
          </a:p>
          <a:p>
            <a:pPr marL="0" indent="0">
              <a:buNone/>
            </a:pPr>
            <a:r>
              <a:rPr lang="da-DK" dirty="0">
                <a:solidFill>
                  <a:srgbClr val="FF0000"/>
                </a:solidFill>
              </a:rPr>
              <a:t>[Her kan du beskrive jeres lokale procedure for, hvordan forældrene informeres om resultatet. Se eksempler herpå i Rundt om forældresamarbejdet om sprog i børnehaveklassen]</a:t>
            </a:r>
          </a:p>
        </p:txBody>
      </p:sp>
      <p:graphicFrame>
        <p:nvGraphicFramePr>
          <p:cNvPr id="2" name="Tabel 1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89434729"/>
              </p:ext>
            </p:extLst>
          </p:nvPr>
        </p:nvGraphicFramePr>
        <p:xfrm>
          <a:off x="719138" y="1634066"/>
          <a:ext cx="10748961" cy="2368930"/>
        </p:xfrm>
        <a:graphic>
          <a:graphicData uri="http://schemas.openxmlformats.org/drawingml/2006/table">
            <a:tbl>
              <a:tblPr firstRow="1" bandRow="1">
                <a:tableStyleId>{F5AB1C69-6EDB-4FF4-983F-18BD219EF322}</a:tableStyleId>
              </a:tblPr>
              <a:tblGrid>
                <a:gridCol w="1292542">
                  <a:extLst>
                    <a:ext uri="{9D8B030D-6E8A-4147-A177-3AD203B41FA5}">
                      <a16:colId xmlns:a16="http://schemas.microsoft.com/office/drawing/2014/main" val="1768472554"/>
                    </a:ext>
                  </a:extLst>
                </a:gridCol>
                <a:gridCol w="2396691">
                  <a:extLst>
                    <a:ext uri="{9D8B030D-6E8A-4147-A177-3AD203B41FA5}">
                      <a16:colId xmlns:a16="http://schemas.microsoft.com/office/drawing/2014/main" val="3891000632"/>
                    </a:ext>
                  </a:extLst>
                </a:gridCol>
                <a:gridCol w="7059728">
                  <a:extLst>
                    <a:ext uri="{9D8B030D-6E8A-4147-A177-3AD203B41FA5}">
                      <a16:colId xmlns:a16="http://schemas.microsoft.com/office/drawing/2014/main" val="116550655"/>
                    </a:ext>
                  </a:extLst>
                </a:gridCol>
              </a:tblGrid>
              <a:tr h="544385">
                <a:tc>
                  <a:txBody>
                    <a:bodyPr/>
                    <a:lstStyle/>
                    <a:p>
                      <a:r>
                        <a:rPr lang="da-DK" dirty="0" smtClean="0"/>
                        <a:t>Score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/>
                        <a:t>Indsatsgruppe</a:t>
                      </a:r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/>
                        <a:t>Eksempel på indsats</a:t>
                      </a:r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61046274"/>
                  </a:ext>
                </a:extLst>
              </a:tr>
              <a:tr h="544385">
                <a:tc>
                  <a:txBody>
                    <a:bodyPr/>
                    <a:lstStyle/>
                    <a:p>
                      <a:r>
                        <a:rPr lang="da-DK" dirty="0"/>
                        <a:t>1-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Særlig indsat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Særlig målrettet sprogindsats, evt. med inddragelse af relevante fagperson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76049845"/>
                  </a:ext>
                </a:extLst>
              </a:tr>
              <a:tr h="544385">
                <a:tc>
                  <a:txBody>
                    <a:bodyPr/>
                    <a:lstStyle/>
                    <a:p>
                      <a:r>
                        <a:rPr lang="da-DK" dirty="0"/>
                        <a:t>6-1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Fokuseret indsat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Målrettet indsats med øget fokus på de sproglige områder, hvor eleven har lavere scor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66192326"/>
                  </a:ext>
                </a:extLst>
              </a:tr>
              <a:tr h="544385">
                <a:tc>
                  <a:txBody>
                    <a:bodyPr/>
                    <a:lstStyle/>
                    <a:p>
                      <a:r>
                        <a:rPr lang="da-DK" dirty="0"/>
                        <a:t>16-10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Generel indsat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/>
                        <a:t>Generel understøttede sprogindsats i børnehaveklassen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9926575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61994808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EFB809A-E079-C609-4601-451B67ECDA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progindsatsen i børnehaveklasse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F31DD1E-2972-F1EC-5140-016FE7FC999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lnSpcReduction="10000"/>
          </a:bodyPr>
          <a:lstStyle/>
          <a:p>
            <a:pPr marL="0" indent="0">
              <a:buNone/>
            </a:pPr>
            <a:r>
              <a:rPr lang="da-DK" dirty="0">
                <a:solidFill>
                  <a:srgbClr val="FF0000"/>
                </a:solidFill>
              </a:rPr>
              <a:t>[Her kan du som børnehaveklasseleder selv indsætte en beskrivelse af sprogindsatsen i din undervisning. Se eksempler nedenfor]</a:t>
            </a:r>
          </a:p>
          <a:p>
            <a:r>
              <a:rPr lang="da-DK" dirty="0">
                <a:solidFill>
                  <a:srgbClr val="FF0000"/>
                </a:solidFill>
              </a:rPr>
              <a:t>Ugens fokusord</a:t>
            </a:r>
          </a:p>
          <a:p>
            <a:pPr lvl="1"/>
            <a:r>
              <a:rPr lang="da-DK" dirty="0">
                <a:solidFill>
                  <a:srgbClr val="FF0000"/>
                </a:solidFill>
              </a:rPr>
              <a:t>Hver uge introducerer vi eleverne for nogle abstrakte ord, vi forklarer ordenes betydning og laver nogle lege og øvelser med ordene. Det styrker især elevernes ordforråd og sætningsforståelse.</a:t>
            </a:r>
          </a:p>
          <a:p>
            <a:r>
              <a:rPr lang="da-DK" dirty="0">
                <a:solidFill>
                  <a:srgbClr val="FF0000"/>
                </a:solidFill>
              </a:rPr>
              <a:t>Dialogisk læsning</a:t>
            </a:r>
          </a:p>
          <a:p>
            <a:pPr lvl="1"/>
            <a:r>
              <a:rPr lang="da-DK" dirty="0">
                <a:solidFill>
                  <a:srgbClr val="FF0000"/>
                </a:solidFill>
              </a:rPr>
              <a:t>Hver uge læser vi en bog sammen med eleverne, hvor eleverne gøres til aktive medfortællere. Det styrker deres ordforråd, sætningsforståelse, opmærksomhed på skriftsproget samt deres generelle læselyst.</a:t>
            </a:r>
          </a:p>
          <a:p>
            <a:r>
              <a:rPr lang="da-DK" dirty="0">
                <a:solidFill>
                  <a:srgbClr val="FF0000"/>
                </a:solidFill>
              </a:rPr>
              <a:t>Bogstaver og forlyd</a:t>
            </a:r>
          </a:p>
          <a:p>
            <a:pPr lvl="1"/>
            <a:r>
              <a:rPr lang="da-DK" dirty="0">
                <a:solidFill>
                  <a:srgbClr val="FF0000"/>
                </a:solidFill>
              </a:rPr>
              <a:t>Elevernes arbejder med opgavehæfter for systematisk at udvikle deres kendskab til bogstavernes form og lyd</a:t>
            </a:r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7" name="Pladsholder til indhold 6" descr="Et billede, der indeholder Ansigt, tøj, person, pige&#10;&#10;Automatisk genereret beskrivelse">
            <a:extLst>
              <a:ext uri="{FF2B5EF4-FFF2-40B4-BE49-F238E27FC236}">
                <a16:creationId xmlns:a16="http://schemas.microsoft.com/office/drawing/2014/main" id="{63DA9084-0481-BE8B-DAA1-47C5D487E4E9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67438" y="2303374"/>
            <a:ext cx="5302250" cy="3535540"/>
          </a:xfrm>
        </p:spPr>
      </p:pic>
      <p:sp>
        <p:nvSpPr>
          <p:cNvPr id="5" name="Pladsholder til indhold 2"/>
          <p:cNvSpPr txBox="1">
            <a:spLocks/>
          </p:cNvSpPr>
          <p:nvPr/>
        </p:nvSpPr>
        <p:spPr>
          <a:xfrm>
            <a:off x="6166133" y="5851770"/>
            <a:ext cx="5302800" cy="17957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144000" indent="-144000" algn="l" defTabSz="914400" rtl="0" eaLnBrk="1" latinLnBrk="0" hangingPunct="1">
              <a:lnSpc>
                <a:spcPct val="110000"/>
              </a:lnSpc>
              <a:spcBef>
                <a:spcPts val="600"/>
              </a:spcBef>
              <a:buClrTx/>
              <a:buFont typeface="Segoe UI" panose="020B0502040204020203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88000" indent="-144000" algn="l" defTabSz="914400" rtl="0" eaLnBrk="1" latinLnBrk="0" hangingPunct="1">
              <a:lnSpc>
                <a:spcPct val="110000"/>
              </a:lnSpc>
              <a:spcBef>
                <a:spcPts val="600"/>
              </a:spcBef>
              <a:buClrTx/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432000" indent="-144000" algn="l" defTabSz="914400" rtl="0" eaLnBrk="1" latinLnBrk="0" hangingPunct="1">
              <a:lnSpc>
                <a:spcPct val="110000"/>
              </a:lnSpc>
              <a:spcBef>
                <a:spcPts val="600"/>
              </a:spcBef>
              <a:buClrTx/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44000" indent="-144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+mj-lt"/>
              <a:buAutoNum type="arabicParenR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44000" indent="-144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+mj-lt"/>
              <a:buAutoNum type="alphaLcParenR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44000" indent="-144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None/>
              <a:defRPr sz="32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Segoe UI" panose="020B0502040204020203" pitchFamily="34" charset="0"/>
              <a:buNone/>
            </a:pPr>
            <a:r>
              <a:rPr lang="da-DK" sz="1050" smtClean="0"/>
              <a:t>© Børne- og Undervisningsministeriet</a:t>
            </a:r>
            <a:endParaRPr lang="da-DK" sz="1050" dirty="0"/>
          </a:p>
        </p:txBody>
      </p:sp>
    </p:spTree>
    <p:extLst>
      <p:ext uri="{BB962C8B-B14F-4D97-AF65-F5344CB8AC3E}">
        <p14:creationId xmlns:p14="http://schemas.microsoft.com/office/powerpoint/2010/main" val="31905673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061986456552316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951478107427549"/>
</p:tagLst>
</file>

<file path=ppt/theme/theme1.xml><?xml version="1.0" encoding="utf-8"?>
<a:theme xmlns:a="http://schemas.openxmlformats.org/drawingml/2006/main" name="BUVM">
  <a:themeElements>
    <a:clrScheme name="BVUM - STUK">
      <a:dk1>
        <a:srgbClr val="000000"/>
      </a:dk1>
      <a:lt1>
        <a:srgbClr val="FFFFFF"/>
      </a:lt1>
      <a:dk2>
        <a:srgbClr val="BE325A"/>
      </a:dk2>
      <a:lt2>
        <a:srgbClr val="F5E1E6"/>
      </a:lt2>
      <a:accent1>
        <a:srgbClr val="005A5A"/>
      </a:accent1>
      <a:accent2>
        <a:srgbClr val="D7F5E1"/>
      </a:accent2>
      <a:accent3>
        <a:srgbClr val="649B9B"/>
      </a:accent3>
      <a:accent4>
        <a:srgbClr val="BE325A"/>
      </a:accent4>
      <a:accent5>
        <a:srgbClr val="F5E1E6"/>
      </a:accent5>
      <a:accent6>
        <a:srgbClr val="DC96AA"/>
      </a:accent6>
      <a:hlink>
        <a:srgbClr val="005A5A"/>
      </a:hlink>
      <a:folHlink>
        <a:srgbClr val="649B9B"/>
      </a:folHlink>
    </a:clrScheme>
    <a:fontScheme name="BUVM">
      <a:majorFont>
        <a:latin typeface="Segoe UI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DEP 0, 90, 90">
      <a:srgbClr val="005A5A"/>
    </a:custClr>
    <a:custClr name="DARK GREY65, 65, 65">
      <a:srgbClr val="414141"/>
    </a:custClr>
    <a:custClr name="STIL 55, 80, 155">
      <a:srgbClr val="37509B"/>
    </a:custClr>
    <a:custClr name="STUK 190, 50, 90">
      <a:srgbClr val="BE325A"/>
    </a:custClr>
    <a:custClr>
      <a:srgbClr val="FFFFFF"/>
    </a:custClr>
    <a:custClr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EP 215, 245, 225">
      <a:srgbClr val="D7F5E1"/>
    </a:custClr>
    <a:custClr name="LIGHT GREY 220, 220, 220">
      <a:srgbClr val="DCDCDC"/>
    </a:custClr>
    <a:custClr name="STIL 225, 230, 240">
      <a:srgbClr val="E1E6F0"/>
    </a:custClr>
    <a:custClr name="STUK 245, 225, 230">
      <a:srgbClr val="F5E1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DEP 100, 155, 155">
      <a:srgbClr val="649B9B"/>
    </a:custClr>
    <a:custClr name="GREY 145, 150, 150">
      <a:srgbClr val="919696"/>
    </a:custClr>
    <a:custClr name="STIL135, 150, 195">
      <a:srgbClr val="8796C3"/>
    </a:custClr>
    <a:custClr name="STUK 220, 150, 170">
      <a:srgbClr val="DC96AA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Blank.potx" id="{7B5B84D5-A520-4060-84DC-056D7B13DB11}" vid="{D567C7F5-CE46-4E14-8AB4-EFFA31538308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EP 0, 90, 90">
      <a:srgbClr val="005A5A"/>
    </a:custClr>
    <a:custClr name="DARK GREY65, 65, 65">
      <a:srgbClr val="414141"/>
    </a:custClr>
    <a:custClr name="STIL 55, 80, 155">
      <a:srgbClr val="37509B"/>
    </a:custClr>
    <a:custClr name="STUK 190, 50, 90">
      <a:srgbClr val="BE325A"/>
    </a:custClr>
    <a:custClr>
      <a:srgbClr val="FFFFFF"/>
    </a:custClr>
    <a:custClr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EP 215, 245, 225">
      <a:srgbClr val="D7F5E1"/>
    </a:custClr>
    <a:custClr name="LIGHT GREY 220, 220, 220">
      <a:srgbClr val="DCDCDC"/>
    </a:custClr>
    <a:custClr name="STIL 225, 230, 240">
      <a:srgbClr val="E1E6F0"/>
    </a:custClr>
    <a:custClr name="STUK 245, 225, 230">
      <a:srgbClr val="F5E1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DEP 100, 155, 155">
      <a:srgbClr val="649B9B"/>
    </a:custClr>
    <a:custClr name="GREY 145, 150, 150">
      <a:srgbClr val="919696"/>
    </a:custClr>
    <a:custClr name="STIL135, 150, 195">
      <a:srgbClr val="8796C3"/>
    </a:custClr>
    <a:custClr name="STUK 220, 150, 170">
      <a:srgbClr val="DC96AA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EP 0, 90, 90">
      <a:srgbClr val="005A5A"/>
    </a:custClr>
    <a:custClr name="DARK GREY65, 65, 65">
      <a:srgbClr val="414141"/>
    </a:custClr>
    <a:custClr name="STIL 55, 80, 155">
      <a:srgbClr val="37509B"/>
    </a:custClr>
    <a:custClr name="STUK 190, 50, 90">
      <a:srgbClr val="BE325A"/>
    </a:custClr>
    <a:custClr>
      <a:srgbClr val="FFFFFF"/>
    </a:custClr>
    <a:custClr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EP 215, 245, 225">
      <a:srgbClr val="D7F5E1"/>
    </a:custClr>
    <a:custClr name="LIGHT GREY 220, 220, 220">
      <a:srgbClr val="DCDCDC"/>
    </a:custClr>
    <a:custClr name="STIL 225, 230, 240">
      <a:srgbClr val="E1E6F0"/>
    </a:custClr>
    <a:custClr name="STUK 245, 225, 230">
      <a:srgbClr val="F5E1E6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DEP 100, 155, 155">
      <a:srgbClr val="649B9B"/>
    </a:custClr>
    <a:custClr name="GREY 145, 150, 150">
      <a:srgbClr val="919696"/>
    </a:custClr>
    <a:custClr name="STIL135, 150, 195">
      <a:srgbClr val="8796C3"/>
    </a:custClr>
    <a:custClr name="STUK 220, 150, 170">
      <a:srgbClr val="DC96AA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{"type":"shape","id":"ed8a0433-9a8a-4437-9df8-bb09822595fe","elementConfiguration":{"binding":"{{Form.SkrivTitel}}","visibility":"","type":"text","disableUpdates":false}},{"type":"shape","id":"2ec5bfef-2ce9-43c6-ab2c-90620b6161d7","elementConfiguration":{"binding":"{{Form.SkrivTitel}}","visibility":"","type":"text","disableUpdates":false}},{"type":"shape","id":"74104311-2e17-4223-85ff-5f7f60145565","elementConfiguration":{"binding":"{{Form.SkrivTitel}}","visibility":"","type":"text","disableUpdates":false}},{"type":"shape","id":"9e48b5d5-ff66-4567-9277-96c7cb3665b5","elementConfiguration":{"binding":"{{FormatDateTime(Form.Date,Translate(\"DateGeneral\"),DocumentLanguage)}}","visibility":"","type":"text","disableUpdates":false}},{"type":"shape","id":"03cbe067-2af4-42ae-ae3c-47c63d82272b","elementConfiguration":{"inheritDimensions":"{{InheritDimensions.InheritNone}}","width":"","height":"1.82 cm","image":"{{UserProfile.Office.LogoRef.LogoWhiteRef.Image}}","visibility":"","type":"image","disableUpdates":false}},{"type":"shape","id":"2ef99dd2-b096-4853-b519-da76c92b922e","elementConfiguration":{"binding":"{{UserProfile.Name}}","visibility":"","type":"text","disableUpdates":false}},{"type":"shape","id":"f3addad5-837c-4bf3-b4c5-eb5afda3cbab","elementConfiguration":{"binding":"{{Form.SkrivTitel}}","visibility":"","type":"text","disableUpdates":false}},{"type":"shape","id":"bbf8561f-0acb-4f9f-8822-d06435f90e4b","elementConfiguration":{"binding":"{{UserProfile.Name}}","visibility":"","type":"text","disableUpdates":false}},{"type":"shape","id":"32c3e0a8-d687-4821-bc2a-08ed5a25f3b5","elementConfiguration":{"binding":"{{FormatDateTime(Form.Date,Translate(\"DateGeneral\"),DocumentLanguage)}}","visibility":"","type":"text","disableUpdates":false}},{"type":"shape","id":"79625cb5-7122-430a-b074-3d74bead631e","elementConfiguration":{"inheritDimensions":"{{InheritDimensions.InheritNone}}","width":"","height":"1.82 cm","image":"{{UserProfile.Office.LogoRef.LogoWhiteRef.Image}}","visibility":"","type":"image","disableUpdates":false}},{"type":"shape","id":"0d84ed09-e2a7-4cad-a26e-76ef96d31710","elementConfiguration":{"binding":"{{Form.SkrivTitel}}","visibility":"","type":"text","disableUpdates":false}},{"type":"shape","id":"f41135c1-0010-4034-8fa8-29c8df178079","elementConfiguration":{"binding":"{{FormatDateTime(Form.Date,Translate(\"DateGeneral\"),DocumentLanguage)}}","visibility":"","type":"text","disableUpdates":false}},{"type":"shape","id":"c0a6bcd3-e951-4be7-9893-16db477b481c","elementConfiguration":{"inheritDimensions":"{{InheritDimensions.InheritNone}}","width":"","height":"1.82 cm","image":"{{UserProfile.Office.LogoRef.LogoRef.Image}}","visibility":"","type":"image","disableUpdates":false}},{"type":"shape","id":"32090683-b3a4-408d-96fc-92cdaad5d617","elementConfiguration":{"binding":"{{UserProfile.Name}}","visibility":"","type":"text","disableUpdates":false}},{"type":"shape","id":"cdc8f0cb-fe79-4854-8392-a01572887638","elementConfiguration":{"binding":"{{Form.SkrivTitel}}","visibility":"","type":"text","disableUpdates":false}},{"type":"shape","id":"0e0bbff7-4ee3-4e9e-8830-ed4b52e81d7b","elementConfiguration":{"binding":"{{Form.SkrivTitel}}","visibility":"","type":"text","disableUpdates":false}},{"type":"shape","id":"3b9013f2-cddc-426d-a067-7703aed97376","elementConfiguration":{"binding":"{{UserProfile.Name}}","visibility":"","type":"text","disableUpdates":false}},{"type":"shape","id":"f22c2b42-c308-4621-a275-ed1abf7fe66c","elementConfiguration":{"binding":"{{FormatDateTime(Form.Date,Translate(\"DateGeneral\"),DocumentLanguage)}}","visibility":"","type":"text","disableUpdates":false}},{"type":"shape","id":"dc1f0355-82fd-4758-9b63-12489b339f39","elementConfiguration":{"inheritDimensions":"{{InheritDimensions.InheritNone}}","width":"","height":"1.82 cm","image":"{{UserProfile.Office.LogoRef.LogoWhiteRef.Image}}","visibility":"","type":"image","disableUpdates":false}},{"type":"shape","id":"49c3dd1c-3532-455f-a187-709b4c007673","elementConfiguration":{"inheritDimensions":"{{InheritDimensions.InheritNone}}","width":"","height":"1.82 cm","image":"{{UserProfile.Office.LogoRef.LogoRef.Image}}","visibility":"","type":"image","disableUpdates":false}},{"type":"shape","id":"afb012de-6548-464e-8440-bd3d5f72b492","elementConfiguration":{"binding":"{{FormatDateTime(Form.Date,Translate(\"DateGeneral\"),DocumentLanguage)}}","visibility":"","type":"text","disableUpdates":false}},{"type":"shape","id":"52db2a01-3131-4b2c-bf1a-f22ff86230d1","elementConfiguration":{"binding":"{{UserProfile.Name}}","visibility":"","type":"text","disableUpdates":false}},{"type":"shape","id":"302939c6-a90b-4b3e-acf5-f19586eac6aa","elementConfiguration":{"binding":"{{Form.SkrivTitel}}","visibility":"","type":"text","disableUpdates":false}},{"type":"shape","id":"1c4e52f7-a353-4629-a509-c9520111a868","elementConfiguration":{"binding":"{{FormatDateTime(Form.Date,Translate(\"DateGeneral\"),DocumentLanguage)}}","visibility":"","type":"text","disableUpdates":false}},{"type":"shape","id":"34ee0efe-db21-47cc-91da-50e616662e83","elementConfiguration":{"inheritDimensions":"{{InheritDimensions.InheritNone}}","width":"","height":"1.82 cm","image":"{{UserProfile.Office.LogoRef.LogoWhiteRef.Image}}","visibility":"","type":"image","disableUpdates":false}},{"type":"shape","id":"7449eff0-ca76-4534-b9e2-6f7216a0d8cb","elementConfiguration":{"binding":"{{UserProfile.Name}}","visibility":"","type":"text","disableUpdates":false}},{"type":"shape","id":"6a117064-64ff-4898-bc52-6ab376f482d3","elementConfiguration":{"binding":"{{Form.SkrivTitel}}","visibility":"","type":"text","disableUpdates":false}},{"type":"shape","id":"f7e783f8-27e9-47db-b2d2-0d016107f783","elementConfiguration":{"binding":"{{Form.SkrivTitel}}","visibility":"","type":"text","disableUpdates":false}},{"type":"shape","id":"28f2486c-e41a-4102-8c66-c5a14f046768","elementConfiguration":{"binding":"{{Form.SkrivTitel}}","visibility":"","type":"text","disableUpdates":false}},{"type":"shape","id":"61310cc1-5e1f-4ff0-ac93-ccc5ac6a0753","elementConfiguration":{"binding":"{{Form.SkrivTitel}}","visibility":"","type":"text","disableUpdates":false}},{"type":"shape","id":"dfec5e04-e9f7-44ab-b58b-66037a0593ff","elementConfiguration":{"binding":"{{FormatDateTime(Form.Date,Translate(\"DateGeneral\"),DocumentLanguage)}}","visibility":"","type":"text","disableUpdates":false}},{"type":"shape","id":"7feff485-5189-4227-8e1d-f8302d69975a","elementConfiguration":{"inheritDimensions":"{{InheritDimensions.InheritNone}}","width":"","height":"1.82 cm","image":"{{UserProfile.Office.LogoRef.LogoRef.Image}}","visibility":"","type":"image","disableUpdates":false}},{"type":"shape","id":"f25b5bce-cd69-42f1-ad31-e7259f27fa35","elementConfiguration":{"binding":"{{UserProfile.Name}}","visibility":"","type":"text","disableUpdates":false}},{"type":"shape","id":"3c609dba-8e8e-4ecb-bf1e-3b3842481144","elementConfiguration":{"binding":"{{Form.SkrivTitel}}","visibility":"","type":"text","disableUpdates":false}},{"type":"shape","id":"4e311c95-1458-4927-ac66-d2b6458de829","elementConfiguration":{"binding":"{{Form.SkrivTitel}}","visibility":"","type":"text","disableUpdates":false}},{"type":"shape","id":"3d08e9c8-456f-4921-9f31-b172e5f80a54","elementConfiguration":{"binding":"{{Form.SkrivTitel}}","visibility":"","type":"text","disableUpdates":false}}],"transformationConfigurations":[{"language":"{{DocumentLanguage}}","disableUpdates":false,"type":"proofingLanguage"},{"colorTheme":"{{UserProfile.Office.ColorThemeRef.ColorTheme}}","disableUpdates":false,"originalColorThemeXml":"<a:clrScheme name=\"BVUM - DEPT\" xmlns:a=\"http://schemas.openxmlformats.org/drawingml/2006/main\"><a:dk1><a:srgbClr val=\"161616\" /></a:dk1><a:lt1><a:srgbClr val=\"FFFFFF\" /></a:lt1><a:dk2><a:srgbClr val=\"005A5A\" /></a:dk2><a:lt2><a:srgbClr val=\"D7F5E1\" /></a:lt2><a:accent1><a:srgbClr val=\"005A5A\" /></a:accent1><a:accent2><a:srgbClr val=\"D7F5E1\" /></a:accent2><a:accent3><a:srgbClr val=\"649B9B\" /></a:accent3><a:accent4><a:srgbClr val=\"414141\" /></a:accent4><a:accent5><a:srgbClr val=\"DCDCDC\" /></a:accent5><a:accent6><a:srgbClr val=\"919696\" /></a:accent6><a:hlink><a:srgbClr val=\"005A5A\" /></a:hlink><a:folHlink><a:srgbClr val=\"649B9B\" /></a:folHlink></a:clrScheme>","type":"colorTheme"}],"templateName":"BUVM PowerPoint skabelon (10)","templateDescription":"","enableDocumentContentUpdater":true,"version":"2.0"}]]></TemplafyTemplateConfiguration>
</file>

<file path=customXml/item2.xml><?xml version="1.0" encoding="utf-8"?>
<TemplafyFormConfiguration><![CDATA[{"formFields":[{"required":false,"helpTexts":{},"spacing":{},"shareValue":false,"type":"datePicker","name":"Date","label":"Date"},{"required":false,"placeholder":"","lines":1,"helpTexts":{},"spacing":{},"shareValue":false,"type":"textBox","name":"SkrivTitel","label":"Sidefod"}],"formDataEntries":[{"name":"Date","value":"XIRG7zQgSKnCT+Aacq5EjQ=="},{"name":"SkrivTitel","value":"XIRG7zQgSKnCT+Aacq5EjQ=="}]}]]></TemplafyFormConfiguration>
</file>

<file path=customXml/item3.xml><?xml version="1.0" encoding="utf-8"?>
<TemplafySlideTemplateConfiguration><![CDATA[{"slideVersion":1,"isValidatorEnabled":false,"isLocked":false,"elementsMetadata":[],"slideId":"638366803726399839","enableDocumentContentUpdater":false,"version":"2.0"}]]></TemplafySlideTemplateConfiguration>
</file>

<file path=customXml/item4.xml><?xml version="1.0" encoding="utf-8"?>
<TemplafySlideFormConfiguration><![CDATA[{"formFields":[{"required":false,"helpTexts":{},"spacing":{},"shareValue":false,"type":"datePicker","name":"Date","label":"Date"}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2,"isValidatorEnabled":false,"isLocked":false,"elementsMetadata":[],"slideId":"638259694824225083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{"type":"shape","elementConfiguration":{"binding":"{{UserProfile.Name}}","visibility":"","type":"text","disableUpdates":false}},{"type":"shape","elementConfiguration":{"binding":"{{FormatDateTime(Form.Date,Translate(\"DateGeneral\"),DocumentLanguage)}}","visibility":"","type":"text","disableUpdates":false}},{"type":"shape","elementConfiguration":{"inheritDimensions":"{{InheritDimensions.InheritNone}}","width":"","height":"1.82 cm","image":"{{UserProfile.Office.LogoRef.LogoWhiteRef.Image}}","visibility":"","type":"image","disableUpdates":false}}],"slideId":"638366803726354139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3E02353-84C6-4E7E-B92B-A7EAC3C774CF}">
  <ds:schemaRefs/>
</ds:datastoreItem>
</file>

<file path=customXml/itemProps2.xml><?xml version="1.0" encoding="utf-8"?>
<ds:datastoreItem xmlns:ds="http://schemas.openxmlformats.org/officeDocument/2006/customXml" ds:itemID="{E31C4FFB-C300-4D2C-B6AF-75147D424681}">
  <ds:schemaRefs/>
</ds:datastoreItem>
</file>

<file path=customXml/itemProps3.xml><?xml version="1.0" encoding="utf-8"?>
<ds:datastoreItem xmlns:ds="http://schemas.openxmlformats.org/officeDocument/2006/customXml" ds:itemID="{F9B0D10E-C054-467D-B186-FEA776F2C637}">
  <ds:schemaRefs/>
</ds:datastoreItem>
</file>

<file path=customXml/itemProps4.xml><?xml version="1.0" encoding="utf-8"?>
<ds:datastoreItem xmlns:ds="http://schemas.openxmlformats.org/officeDocument/2006/customXml" ds:itemID="{07D0FE17-F62D-4FDB-B15C-D6265262F7DB}">
  <ds:schemaRefs/>
</ds:datastoreItem>
</file>

<file path=customXml/itemProps5.xml><?xml version="1.0" encoding="utf-8"?>
<ds:datastoreItem xmlns:ds="http://schemas.openxmlformats.org/officeDocument/2006/customXml" ds:itemID="{6177613B-D995-4412-9964-A5D35FFAE7A4}">
  <ds:schemaRefs/>
</ds:datastoreItem>
</file>

<file path=customXml/itemProps6.xml><?xml version="1.0" encoding="utf-8"?>
<ds:datastoreItem xmlns:ds="http://schemas.openxmlformats.org/officeDocument/2006/customXml" ds:itemID="{2E81542C-57DB-4776-83A9-7046A3335F35}">
  <ds:schemaRefs/>
</ds:datastoreItem>
</file>

<file path=customXml/itemProps7.xml><?xml version="1.0" encoding="utf-8"?>
<ds:datastoreItem xmlns:ds="http://schemas.openxmlformats.org/officeDocument/2006/customXml" ds:itemID="{9F206F52-9F9C-43F6-B4E4-75EFA3900ED2}">
  <ds:schemaRefs/>
</ds:datastoreItem>
</file>

<file path=customXml/itemProps8.xml><?xml version="1.0" encoding="utf-8"?>
<ds:datastoreItem xmlns:ds="http://schemas.openxmlformats.org/officeDocument/2006/customXml" ds:itemID="{3B5903A6-8C8C-4FB8-8949-8D56F38CC8F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34</Words>
  <Application>Microsoft Office PowerPoint</Application>
  <PresentationFormat>Widescreen</PresentationFormat>
  <Paragraphs>101</Paragraphs>
  <Slides>12</Slides>
  <Notes>6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2</vt:i4>
      </vt:variant>
    </vt:vector>
  </HeadingPairs>
  <TitlesOfParts>
    <vt:vector size="15" baseType="lpstr">
      <vt:lpstr>Arial</vt:lpstr>
      <vt:lpstr>Segoe UI</vt:lpstr>
      <vt:lpstr>BUVM</vt:lpstr>
      <vt:lpstr>Sprog i børnehaveklassen</vt:lpstr>
      <vt:lpstr>Indhold</vt:lpstr>
      <vt:lpstr>Sprog, læring og trivsel</vt:lpstr>
      <vt:lpstr>Om sprogvurderingen i børnehaveklassen</vt:lpstr>
      <vt:lpstr>Om sprogvurderingen i børnehaveklassen</vt:lpstr>
      <vt:lpstr>Hvorfor skal eleverne sprogvurderes?</vt:lpstr>
      <vt:lpstr>PowerPoint-præsentation</vt:lpstr>
      <vt:lpstr>Resultatet af sprogvurderingen</vt:lpstr>
      <vt:lpstr>Sprogindsatsen i børnehaveklassen</vt:lpstr>
      <vt:lpstr>Sådan kan I styrke jeres barns sprog og læsning</vt:lpstr>
      <vt:lpstr>Sådan kan I styrke jeres barns sprog og læsning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5-30T08:31:11Z</dcterms:created>
  <dcterms:modified xsi:type="dcterms:W3CDTF">2024-08-15T11:45:1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DocumentInfoFinished">
    <vt:lpwstr>True</vt:lpwstr>
  </property>
  <property fmtid="{D5CDD505-2E9C-101B-9397-08002B2CF9AE}" pid="4" name="TemplafyTimeStamp">
    <vt:lpwstr>2023-11-27T11:12:52</vt:lpwstr>
  </property>
  <property fmtid="{D5CDD505-2E9C-101B-9397-08002B2CF9AE}" pid="5" name="TemplafyTenantId">
    <vt:lpwstr>buvm</vt:lpwstr>
  </property>
  <property fmtid="{D5CDD505-2E9C-101B-9397-08002B2CF9AE}" pid="6" name="TemplafyTemplateId">
    <vt:lpwstr>787047354097991848</vt:lpwstr>
  </property>
  <property fmtid="{D5CDD505-2E9C-101B-9397-08002B2CF9AE}" pid="7" name="TemplafyUserProfileId">
    <vt:lpwstr>859747158219292826</vt:lpwstr>
  </property>
  <property fmtid="{D5CDD505-2E9C-101B-9397-08002B2CF9AE}" pid="8" name="TemplafyLanguageCode">
    <vt:lpwstr>da-DK</vt:lpwstr>
  </property>
  <property fmtid="{D5CDD505-2E9C-101B-9397-08002B2CF9AE}" pid="9" name="TemplafyFromBlank">
    <vt:bool>true</vt:bool>
  </property>
</Properties>
</file>